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/>
  <mc:AlternateContent xmlns:mc="http://schemas.openxmlformats.org/markup-compatibility/2006">
    <mc:Choice Requires="x15">
      <x15ac:absPath xmlns:x15ac="http://schemas.microsoft.com/office/spreadsheetml/2010/11/ac" url="\\kfs01sec\s0707\02 建設業審査G\R7 新規名簿　50音順名簿\R7.12月解体\"/>
    </mc:Choice>
  </mc:AlternateContent>
  <xr:revisionPtr revIDLastSave="0" documentId="13_ncr:1_{C54D2E83-EE60-49E8-9842-3F6112525E0B}" xr6:coauthVersionLast="47" xr6:coauthVersionMax="47" xr10:uidLastSave="{00000000-0000-0000-0000-000000000000}"/>
  <bookViews>
    <workbookView xWindow="45" yWindow="-16320" windowWidth="29040" windowHeight="15720" xr2:uid="{55DB313F-8E67-4CDB-A084-42F2F7FE59BE}"/>
  </bookViews>
  <sheets>
    <sheet name="r0712 末" sheetId="1" r:id="rId1"/>
  </sheets>
  <definedNames>
    <definedName name="_xlnm._FilterDatabase" localSheetId="0" hidden="1">'r0712 末'!$A$2:$J$1317</definedName>
    <definedName name="_xlnm.Print_Titles" localSheetId="0">'r0712 末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839" uniqueCount="9332">
  <si>
    <t>登録
番号</t>
    <phoneticPr fontId="2"/>
  </si>
  <si>
    <t>商号名称</t>
    <phoneticPr fontId="2"/>
  </si>
  <si>
    <t>代表者名</t>
    <phoneticPr fontId="2"/>
  </si>
  <si>
    <t>郵便番号</t>
    <rPh sb="0" eb="2">
      <t>ユウビン</t>
    </rPh>
    <rPh sb="2" eb="4">
      <t>バンゴウ</t>
    </rPh>
    <phoneticPr fontId="2"/>
  </si>
  <si>
    <t>所在地</t>
  </si>
  <si>
    <t>電話番号</t>
  </si>
  <si>
    <t>商号名称（カナ）</t>
    <phoneticPr fontId="2"/>
  </si>
  <si>
    <t>技術管理者名</t>
  </si>
  <si>
    <t>登録（更新）
年月日</t>
    <phoneticPr fontId="2"/>
  </si>
  <si>
    <t>（有）中戸川建材</t>
  </si>
  <si>
    <t>中戸川玉喜</t>
  </si>
  <si>
    <t>250-0852</t>
  </si>
  <si>
    <t>神奈川県小田原市栢山２３６６　</t>
  </si>
  <si>
    <t>0465-36-3400</t>
  </si>
  <si>
    <t>ﾅｶﾄｶﾞﾜｹﾝｻﾞｲ</t>
  </si>
  <si>
    <t>中戸川則恵</t>
  </si>
  <si>
    <t>（有）崎土木興業</t>
  </si>
  <si>
    <t>崎高浩</t>
  </si>
  <si>
    <t>215-0007</t>
  </si>
  <si>
    <t>神奈川県川崎市麻生区向原２－８－８　</t>
  </si>
  <si>
    <t>044-387-6866</t>
  </si>
  <si>
    <t>ｻｷﾄﾞﾎﾞｸｺｳｷﾞｮｳ</t>
  </si>
  <si>
    <t>サン興産（株）</t>
  </si>
  <si>
    <t>菅野恒宏</t>
  </si>
  <si>
    <t>253-0001</t>
  </si>
  <si>
    <t>神奈川県茅ヶ崎市赤羽根２２５９　</t>
  </si>
  <si>
    <t>0467-53-3553</t>
  </si>
  <si>
    <t>ｻﾝｺｳｻﾝ</t>
  </si>
  <si>
    <t>（有）徳永興業</t>
  </si>
  <si>
    <t>徳永健作</t>
  </si>
  <si>
    <t>252-0325</t>
  </si>
  <si>
    <t>神奈川県相模原市南区新磯野　２－２７－１１</t>
  </si>
  <si>
    <t>046-251-5295</t>
  </si>
  <si>
    <t>ﾄｸﾅｶﾞｺｳｷﾞｮｳ</t>
  </si>
  <si>
    <t>児島商店　児島　清治</t>
  </si>
  <si>
    <t/>
  </si>
  <si>
    <t>243-0426</t>
  </si>
  <si>
    <t>神奈川県海老名市門沢橋４－１０－３３</t>
  </si>
  <si>
    <t>046-238-5307</t>
  </si>
  <si>
    <t>ｺｼﾞﾏｼｮｳﾃﾝ ｺｼﾞﾏ ｾｲｼﾞ</t>
  </si>
  <si>
    <t>児島和樹</t>
  </si>
  <si>
    <t>石川建物解体　　石川　博幸</t>
  </si>
  <si>
    <t>340-0822</t>
  </si>
  <si>
    <t>埼玉県八潮市大字大瀬５５－１１</t>
  </si>
  <si>
    <t>048-997-8755</t>
  </si>
  <si>
    <t>ｲｼｶﾜﾀﾃﾓﾉｶｲﾀｲ  ｲｼｶﾜ ﾋﾛﾕｷ</t>
  </si>
  <si>
    <t>石川博幸</t>
  </si>
  <si>
    <t>相模洋洗（株）</t>
  </si>
  <si>
    <t>岩﨑明博</t>
  </si>
  <si>
    <t>250-0863</t>
  </si>
  <si>
    <t>神奈川県小田原市飯泉１３９６－１</t>
  </si>
  <si>
    <t>0465-20-5885</t>
  </si>
  <si>
    <t>ｻｶﾞﾐﾖｳｾﾝ</t>
  </si>
  <si>
    <t>道辻貴司</t>
  </si>
  <si>
    <t>臼井　義直</t>
  </si>
  <si>
    <t>243-0417</t>
  </si>
  <si>
    <t>神奈川県海老名市本郷４２３０</t>
  </si>
  <si>
    <t>046-238-4316</t>
  </si>
  <si>
    <t>ｳｽｲ ﾖｼﾅｵ</t>
  </si>
  <si>
    <t>臼井義直</t>
  </si>
  <si>
    <t>（有）西南建設工業</t>
  </si>
  <si>
    <t>吉田寿行</t>
  </si>
  <si>
    <t>神奈川県相模原市南区新磯野２７７</t>
  </si>
  <si>
    <t>042-749-1771</t>
  </si>
  <si>
    <t>ｾｲﾅﾝｹﾝｾﾂｺｳｷﾞｮｳ</t>
  </si>
  <si>
    <t>アライ・リステム（株）</t>
  </si>
  <si>
    <t>新井宏信</t>
  </si>
  <si>
    <t>250-0004</t>
  </si>
  <si>
    <t>神奈川県小田原市浜町４－２８－１０</t>
  </si>
  <si>
    <t>0465-21-2500</t>
  </si>
  <si>
    <t>ｱﾗｲﾘｽﾃﾑ</t>
  </si>
  <si>
    <t>稲木健太郎</t>
  </si>
  <si>
    <t>中嶋建築エンジニアリング　　中嶋義臣</t>
  </si>
  <si>
    <t>240-0051</t>
  </si>
  <si>
    <t>神奈川県横浜市保土ケ谷区上菅田町９５１－４７－２０６</t>
  </si>
  <si>
    <t>045-382-8083</t>
  </si>
  <si>
    <t>ﾅｶｼﾞﾏｹﾝﾁｸｴﾝｼﾞﾆｱﾘﾝｸﾞ</t>
  </si>
  <si>
    <t>中嶋義臣</t>
  </si>
  <si>
    <t>（有）兼元解体</t>
  </si>
  <si>
    <t>兼元健勇</t>
  </si>
  <si>
    <t>236-0023</t>
  </si>
  <si>
    <t>神奈川県横浜市金沢区平潟町１８－１－１０２</t>
  </si>
  <si>
    <t>045-788-3484</t>
  </si>
  <si>
    <t>ｶﾈﾓﾄｶｲﾀｲ</t>
  </si>
  <si>
    <t>（有）大貫産業</t>
  </si>
  <si>
    <t>大貫祐一</t>
  </si>
  <si>
    <t>252-0134</t>
  </si>
  <si>
    <t>神奈川県相模原市中央区田名７６４９－１</t>
  </si>
  <si>
    <t>042-778-0778</t>
  </si>
  <si>
    <t>ｵｵﾇｷｻﾝｷﾞｮｳ</t>
  </si>
  <si>
    <t>大貫作治</t>
  </si>
  <si>
    <t>〆組　鶴岡一哉</t>
  </si>
  <si>
    <t>253-0026</t>
  </si>
  <si>
    <t>神奈川県茅ヶ崎市旭が丘８－１４</t>
  </si>
  <si>
    <t>0467-88-4538</t>
  </si>
  <si>
    <t>ﾒｸﾞﾐ  ﾂﾙｵｶｶｽﾞﾔ</t>
  </si>
  <si>
    <t>鶴岡一哉</t>
  </si>
  <si>
    <t>実商店　糸澤　實</t>
  </si>
  <si>
    <t>243-0211</t>
  </si>
  <si>
    <t>神奈川県厚木市三田３２８７－１</t>
  </si>
  <si>
    <t>046-241-8821</t>
  </si>
  <si>
    <t>ﾐﾉﾙｼｮｳﾃﾝ  ｲﾄｻﾞﾜ ﾐﾉﾙ</t>
  </si>
  <si>
    <t>糸澤實</t>
  </si>
  <si>
    <t>（有）大和興産</t>
  </si>
  <si>
    <t>大和田達</t>
  </si>
  <si>
    <t>273-0048</t>
  </si>
  <si>
    <t>千葉県船橋市丸山３－２８－７</t>
  </si>
  <si>
    <t>047-419-8824</t>
  </si>
  <si>
    <t>ﾀﾞｲﾜｺｳｻﾝ</t>
  </si>
  <si>
    <t>大和田和彦</t>
  </si>
  <si>
    <t>（有）神奈商興産</t>
  </si>
  <si>
    <t>　伊藤貴之</t>
  </si>
  <si>
    <t>251-0052</t>
  </si>
  <si>
    <t>神奈川県藤沢市藤沢１－３－８</t>
  </si>
  <si>
    <t>0466-27-5014</t>
  </si>
  <si>
    <t>ｶﾅｼｮｳｺｳｻﾝ</t>
  </si>
  <si>
    <t>伊藤貴之</t>
  </si>
  <si>
    <t>英興　石井　英之助</t>
  </si>
  <si>
    <t>252-0243</t>
  </si>
  <si>
    <t>神奈川県相模原市中央区上溝８８８－１２</t>
  </si>
  <si>
    <t>042-778-3672</t>
  </si>
  <si>
    <t>ｴｲｺｳ  ｲｼｲ ｴｲﾉｽｹ</t>
  </si>
  <si>
    <t>石井英之助</t>
  </si>
  <si>
    <t>（株）加藤商店</t>
  </si>
  <si>
    <t>金本泰明</t>
  </si>
  <si>
    <t>210-0845</t>
  </si>
  <si>
    <t>神奈川県川崎市川崎区渡田山王町２－１６</t>
  </si>
  <si>
    <t>044-344-5903</t>
  </si>
  <si>
    <t>ｶﾄｳｼｮｳﾃﾝ</t>
  </si>
  <si>
    <t>（有）武田商店</t>
  </si>
  <si>
    <t>　武田稔</t>
  </si>
  <si>
    <t>252-0321</t>
  </si>
  <si>
    <t>神奈川県相模原市南区相模台７－３４－１０－１０２</t>
  </si>
  <si>
    <t>042-742-9660</t>
  </si>
  <si>
    <t>ﾀｹﾀﾞｼｮｳﾃﾝ</t>
  </si>
  <si>
    <t>武田稔</t>
  </si>
  <si>
    <t>（有）大貫解体工業</t>
  </si>
  <si>
    <t>大貫始康</t>
  </si>
  <si>
    <t>193-0934</t>
  </si>
  <si>
    <t>東京都八王子市小比企町５３６－３７</t>
  </si>
  <si>
    <t>042-635-6043</t>
  </si>
  <si>
    <t>ｵｵﾇｷｶｲﾀｲｺｳｷﾞｮｳ</t>
  </si>
  <si>
    <t>（有）タイキ</t>
  </si>
  <si>
    <t>　関水六郎</t>
  </si>
  <si>
    <t>252-0801</t>
  </si>
  <si>
    <t>神奈川県藤沢市長後１１７４</t>
  </si>
  <si>
    <t>0466-44-2940</t>
  </si>
  <si>
    <t>ﾀｲｷ</t>
  </si>
  <si>
    <t>関水六郎</t>
  </si>
  <si>
    <t>美和興業　津田　啓和</t>
  </si>
  <si>
    <t>250-0208</t>
  </si>
  <si>
    <t>神奈川県小田原市下大井５８－６</t>
  </si>
  <si>
    <t>0465-41-3330</t>
  </si>
  <si>
    <t>ﾐﾜｺｳｷﾞｮｳ ﾂﾀﾞ ﾋﾛｶｽﾞ</t>
  </si>
  <si>
    <t>津田啓和</t>
  </si>
  <si>
    <t>（有）マルモク</t>
  </si>
  <si>
    <t>佐藤享</t>
  </si>
  <si>
    <t>247-0074</t>
  </si>
  <si>
    <t>神奈川県鎌倉市城廻６１６－１</t>
  </si>
  <si>
    <t>0467-42-8166</t>
  </si>
  <si>
    <t>ﾏﾙﾓｸ</t>
  </si>
  <si>
    <t>（有）山崎組</t>
  </si>
  <si>
    <t>　山﨑忠久</t>
  </si>
  <si>
    <t>232-0014</t>
  </si>
  <si>
    <t>神奈川県横浜市南区吉野町２－４アダコビル４０４</t>
  </si>
  <si>
    <t>090-1210-7945</t>
  </si>
  <si>
    <t>ﾔﾏｻﾞｷｸﾞﾐ</t>
  </si>
  <si>
    <t>山﨑忠久</t>
  </si>
  <si>
    <t>（有）芝花金属</t>
  </si>
  <si>
    <t>　芝花祐二</t>
  </si>
  <si>
    <t>224-0026</t>
  </si>
  <si>
    <t>神奈川県横浜市都筑区南山田町４１４９－２</t>
  </si>
  <si>
    <t>045-593-2308</t>
  </si>
  <si>
    <t>ｼﾊﾞﾊﾅｷﾝｿﾞｸ</t>
  </si>
  <si>
    <t>芝花祐二</t>
  </si>
  <si>
    <t>（有）ライス</t>
  </si>
  <si>
    <t>高橋良介</t>
  </si>
  <si>
    <t>207-0031</t>
  </si>
  <si>
    <t>東京都東大和市奈良橋３－４７９</t>
  </si>
  <si>
    <t>042-562-3535</t>
  </si>
  <si>
    <t>ﾗｲｽ</t>
  </si>
  <si>
    <t>総合佐藤解体　佐藤正衛</t>
  </si>
  <si>
    <t>253-0111</t>
  </si>
  <si>
    <t>神奈川県高座郡寒川町一之宮４－６－１２</t>
  </si>
  <si>
    <t>0467-74-8067</t>
  </si>
  <si>
    <t>ｿｳｺﾞｳｻﾄｳｶｲﾀｲ ｻﾄｳﾏｻｴ</t>
  </si>
  <si>
    <t>佐藤正衛</t>
  </si>
  <si>
    <t>（株）共永</t>
  </si>
  <si>
    <t>河西範明</t>
  </si>
  <si>
    <t>252-0245</t>
  </si>
  <si>
    <t>神奈川県相模原市中央区田名塩田２－１９－２９</t>
  </si>
  <si>
    <t>042-778-1954</t>
  </si>
  <si>
    <t>ｷｮｳｴｲ</t>
  </si>
  <si>
    <t>（有）亀の子興業</t>
  </si>
  <si>
    <t>金子勇夫</t>
  </si>
  <si>
    <t>223-0063</t>
  </si>
  <si>
    <t>神奈川県横浜市港北区高田町２５８４</t>
  </si>
  <si>
    <t>045-591-3548</t>
  </si>
  <si>
    <t>ｶﾒﾉｺｺｳｷﾞｮｳ</t>
  </si>
  <si>
    <t>（有）信建工業</t>
  </si>
  <si>
    <t>山中保秀</t>
  </si>
  <si>
    <t>233-0012</t>
  </si>
  <si>
    <t>神奈川県横浜市港南区上永谷１－１－３</t>
  </si>
  <si>
    <t>045-848-0969</t>
  </si>
  <si>
    <t>ｼﾝｹﾝｺｳｷﾞｮｳ</t>
  </si>
  <si>
    <t>（有）幸信産業</t>
  </si>
  <si>
    <t>鈴木信芳</t>
  </si>
  <si>
    <t>252-0104</t>
  </si>
  <si>
    <t>神奈川県相模原市緑区向原２－１０－２５－１</t>
  </si>
  <si>
    <t>090-8581-5036</t>
  </si>
  <si>
    <t>ｺｳｼﾝｻﾝｷﾞｮｳ</t>
  </si>
  <si>
    <t>エコ　テクノ　三橋　智和</t>
  </si>
  <si>
    <t>243-0803</t>
  </si>
  <si>
    <t>神奈川県厚木市山際１７１－１４</t>
  </si>
  <si>
    <t>046-245-9677</t>
  </si>
  <si>
    <t>ｴｺ ﾃｸﾉ ﾐﾂﾊｼ ﾄﾓｶｽﾞ</t>
  </si>
  <si>
    <t>三橋智和</t>
  </si>
  <si>
    <t>不二建興（株）</t>
  </si>
  <si>
    <t>近藤昇</t>
  </si>
  <si>
    <t>236-0031</t>
  </si>
  <si>
    <t>神奈川県横浜市金沢区六浦３－１５－４</t>
  </si>
  <si>
    <t>045-701-1251</t>
  </si>
  <si>
    <t>ﾌｼﾞｹﾝｺｳ</t>
  </si>
  <si>
    <t>（有）フジ設備</t>
  </si>
  <si>
    <t>伊藤與志美</t>
  </si>
  <si>
    <t>252-0132</t>
  </si>
  <si>
    <t>神奈川県相模原市緑区橋本台２－９－２３</t>
  </si>
  <si>
    <t>042-773-7328</t>
  </si>
  <si>
    <t>ﾌｼﾞｾﾂﾋﾞ</t>
  </si>
  <si>
    <t>（有）水嶋企画</t>
  </si>
  <si>
    <t>水嶋聡</t>
  </si>
  <si>
    <t>253-0072</t>
  </si>
  <si>
    <t>神奈川県茅ヶ崎市今宿７３１－７－２０１湘南ビル</t>
  </si>
  <si>
    <t>0467-58-2807</t>
  </si>
  <si>
    <t>ﾐｽﾞｼﾏｷｶｸ</t>
  </si>
  <si>
    <t>岩沢工務店　岩沢　和行</t>
  </si>
  <si>
    <t>249-0002</t>
  </si>
  <si>
    <t>神奈川県逗子市山の根１－２－２３</t>
  </si>
  <si>
    <t>046-871-5869</t>
  </si>
  <si>
    <t>ｲﾜｻﾜｺｳﾑﾃﾝ ｲﾜｻﾜ ｶｽﾞﾕｷ</t>
  </si>
  <si>
    <t>岩沢和行</t>
  </si>
  <si>
    <t>（有）久保田興業</t>
  </si>
  <si>
    <t>久保田長之進</t>
  </si>
  <si>
    <t>240-0053</t>
  </si>
  <si>
    <t>神奈川県横浜市保土ケ谷区新井町１２３</t>
  </si>
  <si>
    <t>045-383-3231</t>
  </si>
  <si>
    <t>ｸﾎﾞﾀｺｳｷﾞｮｳ</t>
  </si>
  <si>
    <t>出野建材　出野　一男</t>
  </si>
  <si>
    <t>250-0117</t>
  </si>
  <si>
    <t>神奈川県南足柄市塚原１２９４－６</t>
  </si>
  <si>
    <t>0465-74-0311</t>
  </si>
  <si>
    <t>ｲﾃﾞﾉｹﾝｻﾞｲ ｲﾃﾞﾉ ｶｽﾞｵ</t>
  </si>
  <si>
    <t>出野一男</t>
  </si>
  <si>
    <t>羽田興産（株）</t>
  </si>
  <si>
    <t>五十嵐喜将</t>
  </si>
  <si>
    <t>145-0065</t>
  </si>
  <si>
    <t>東京都大田区東雪谷２－４－８</t>
  </si>
  <si>
    <t>03-3726-5111</t>
  </si>
  <si>
    <t>ﾊﾈﾀﾞｺｳｻﾝ</t>
  </si>
  <si>
    <t>（株）前田興業</t>
  </si>
  <si>
    <t>前田和成</t>
  </si>
  <si>
    <t>212-0054</t>
  </si>
  <si>
    <t>神奈川県川崎市幸区小倉３－１３－１５－４０２</t>
  </si>
  <si>
    <t>044-588-7831</t>
  </si>
  <si>
    <t>ﾏｴﾀﾞｺｳｷﾞｮｳ</t>
  </si>
  <si>
    <t>（株）渡辺解体</t>
  </si>
  <si>
    <t>仲田浩</t>
  </si>
  <si>
    <t>123-0855</t>
  </si>
  <si>
    <t>東京都足立区本木南町１１－１４</t>
  </si>
  <si>
    <t>03-3880-2800</t>
  </si>
  <si>
    <t>ﾜﾀﾅﾍﾞｶｲﾀｲ</t>
  </si>
  <si>
    <t>宮本解体　宮本　富夫</t>
  </si>
  <si>
    <t>252-0231</t>
  </si>
  <si>
    <t>神奈川県相模原市中央区相模原３－５－２３ハートスクエア９０１</t>
  </si>
  <si>
    <t>090-4598-5826</t>
  </si>
  <si>
    <t>ﾐﾔﾓﾄｶｲﾀｲ ﾐﾔﾓﾄ ﾄﾐｵ</t>
  </si>
  <si>
    <t>宮本富夫</t>
  </si>
  <si>
    <t>（株）ゴミクル</t>
  </si>
  <si>
    <t>西村圭治</t>
  </si>
  <si>
    <t>135-0011</t>
  </si>
  <si>
    <t>東京都江東区扇橋１－１３－８</t>
  </si>
  <si>
    <t>03-5665-2210</t>
  </si>
  <si>
    <t>ｺﾞﾐｸﾙ</t>
  </si>
  <si>
    <t>（株）三友工業</t>
  </si>
  <si>
    <t>坂爪永子</t>
  </si>
  <si>
    <t>190-0033</t>
  </si>
  <si>
    <t>東京都立川市一番町６－８－１立川一番町東４４－１０２</t>
  </si>
  <si>
    <t>042-531-5374</t>
  </si>
  <si>
    <t>ｻﾝﾕｳｺｳｷﾞｮｳ</t>
  </si>
  <si>
    <t>坂爪憲繁</t>
  </si>
  <si>
    <t>（株）シード</t>
  </si>
  <si>
    <t>本杉匠</t>
  </si>
  <si>
    <t>233-0005</t>
  </si>
  <si>
    <t>神奈川県横浜市港南区東芹が谷２３</t>
  </si>
  <si>
    <t>045-435-4004</t>
  </si>
  <si>
    <t>ｼｰﾄﾞ</t>
  </si>
  <si>
    <t>鈴木建築　鈴木一二三</t>
  </si>
  <si>
    <t>243-0307</t>
  </si>
  <si>
    <t>神奈川県愛甲郡愛川町田代１４８０</t>
  </si>
  <si>
    <t>046-281-4654</t>
  </si>
  <si>
    <t>ｽｽﾞｷｹﾝﾁｸ ｽｽﾞｷﾋﾌﾐ</t>
  </si>
  <si>
    <t>鈴木一二三</t>
  </si>
  <si>
    <t>（株）豊栄工業</t>
  </si>
  <si>
    <t>　小池弥生</t>
  </si>
  <si>
    <t>238-0022</t>
  </si>
  <si>
    <t>神奈川県横須賀市公郷町４－６２－５</t>
  </si>
  <si>
    <t>046-804-5533</t>
  </si>
  <si>
    <t>ﾎｳｴｲｺｳｷﾞｮｳ</t>
  </si>
  <si>
    <t>小池弥生</t>
  </si>
  <si>
    <t>伊佐開発（株）</t>
  </si>
  <si>
    <t>李鴻</t>
  </si>
  <si>
    <t>195-0064</t>
  </si>
  <si>
    <t>東京都町田市小野路町４４１０</t>
  </si>
  <si>
    <t>042-708-9547</t>
  </si>
  <si>
    <t>ｲｻｶｲﾊﾂ</t>
  </si>
  <si>
    <t>髙橋稔</t>
  </si>
  <si>
    <t>リューシン興業　伊藤　啓太</t>
  </si>
  <si>
    <t>123-0854</t>
  </si>
  <si>
    <t>東京都足立区本木東町１５－１１</t>
  </si>
  <si>
    <t>03-6804-9909</t>
  </si>
  <si>
    <t>ﾘｭｰｼﾝｺｳｷﾞｮｳ ｲﾄｳｹｲﾀ</t>
  </si>
  <si>
    <t>伊藤啓太</t>
  </si>
  <si>
    <t>（有）荻原商事</t>
  </si>
  <si>
    <t>荻原孝彦</t>
  </si>
  <si>
    <t>243-0014</t>
  </si>
  <si>
    <t>神奈川県厚木市旭町１－３１－８－５０４</t>
  </si>
  <si>
    <t>046-229-5551</t>
  </si>
  <si>
    <t>ｵｷﾞﾊﾗｼｮｳｼﾞ</t>
  </si>
  <si>
    <t>（有）東横産業</t>
  </si>
  <si>
    <t>久保山勇</t>
  </si>
  <si>
    <t>245-0013</t>
  </si>
  <si>
    <t>神奈川県横浜市泉区中田東１－３１－２９</t>
  </si>
  <si>
    <t>045-803-5720</t>
  </si>
  <si>
    <t>ﾄｳﾖｺｻﾝｷﾞｮｳ</t>
  </si>
  <si>
    <t>（株）佐藤興業</t>
  </si>
  <si>
    <t>佐藤幸雄</t>
  </si>
  <si>
    <t>252-0821</t>
  </si>
  <si>
    <t>神奈川県藤沢市用田２６６３</t>
  </si>
  <si>
    <t>0466-48-7739</t>
  </si>
  <si>
    <t>ｻﾄｳｺｳｷﾞｮｳ</t>
  </si>
  <si>
    <t>佐藤好崇</t>
  </si>
  <si>
    <t>（有）府川土建</t>
  </si>
  <si>
    <t>府川昭浩</t>
  </si>
  <si>
    <t>254-0065</t>
  </si>
  <si>
    <t>神奈川県平塚市南原４－５－３４</t>
  </si>
  <si>
    <t>0463-31-8995</t>
  </si>
  <si>
    <t>ﾌｶﾜﾄﾞｹﾝ</t>
  </si>
  <si>
    <t>（株）玉城産業</t>
  </si>
  <si>
    <t>玉城進</t>
  </si>
  <si>
    <t>213-0026</t>
  </si>
  <si>
    <t>神奈川県川崎市高津区久末４８７－４６</t>
  </si>
  <si>
    <t>044-567-4637</t>
  </si>
  <si>
    <t>ﾀﾏｼﾛｻﾝｷﾞｮｳ</t>
  </si>
  <si>
    <t>中渡瀬幸男解体　中渡瀬　幸男</t>
  </si>
  <si>
    <t>232-0002</t>
  </si>
  <si>
    <t>神奈川県横浜市南区三春台１６０スイグル横浜１０３</t>
  </si>
  <si>
    <t>045-241-4488</t>
  </si>
  <si>
    <t>ﾅｶﾜﾀｾｻﾁｵｶｲﾀｲ ﾅｶﾜﾀｾｻﾁｵ</t>
  </si>
  <si>
    <t>中渡瀬幸男</t>
  </si>
  <si>
    <t>佐藤工業　佐藤次郎</t>
  </si>
  <si>
    <t>247-0021</t>
  </si>
  <si>
    <t>神奈川県横浜市栄区東上郷町１５－５</t>
  </si>
  <si>
    <t>045-895-8815</t>
  </si>
  <si>
    <t>ｻﾄｳｺｳｷﾞｮｳ ｻﾄｳｼﾞﾛｳ</t>
  </si>
  <si>
    <t>佐藤次郎</t>
  </si>
  <si>
    <t>（株）エスケイアール</t>
  </si>
  <si>
    <t>熊野聖容</t>
  </si>
  <si>
    <t>221-0866</t>
  </si>
  <si>
    <t>神奈川県横浜市神奈川区羽沢南２－２５－２５</t>
  </si>
  <si>
    <t>045-654-7942</t>
  </si>
  <si>
    <t>ｴｽｹｲｱｰﾙ</t>
  </si>
  <si>
    <t>美創工業　工藤　学</t>
  </si>
  <si>
    <t>238-0315</t>
  </si>
  <si>
    <t>神奈川県横須賀市林２－５－１７</t>
  </si>
  <si>
    <t>046-858-2670</t>
  </si>
  <si>
    <t>ﾋﾞｿｳｺｳｷﾞｮｳ ｸﾄﾞｳ ﾏﾅﾌﾞ</t>
  </si>
  <si>
    <t>工藤学</t>
  </si>
  <si>
    <t>（株）ＲＹＵＫＥＮ</t>
  </si>
  <si>
    <t>安和龍志</t>
  </si>
  <si>
    <t>252-0236</t>
  </si>
  <si>
    <t>神奈川県相模原市中央区富士見５－２－１９</t>
  </si>
  <si>
    <t>042-707-8483</t>
  </si>
  <si>
    <t>ﾘｭｳｹﾝ</t>
  </si>
  <si>
    <t>（株）ブライト</t>
  </si>
  <si>
    <t>ハルメーシュラル</t>
  </si>
  <si>
    <t>135-0001</t>
  </si>
  <si>
    <t>東京都江東区毛利１－９－１Ｈ．Ｌビル１Ｆ</t>
  </si>
  <si>
    <t>03-6240-2236</t>
  </si>
  <si>
    <t>ﾌﾞﾗｲﾄ</t>
  </si>
  <si>
    <t>（株）タカタ商事</t>
  </si>
  <si>
    <t>高木ヨシアキ</t>
  </si>
  <si>
    <t>245-0016</t>
  </si>
  <si>
    <t>神奈川県横浜市泉区和泉町５８７８－５</t>
  </si>
  <si>
    <t>045-806-1071</t>
  </si>
  <si>
    <t>ﾀｶﾀｼｮｳｼﾞ</t>
  </si>
  <si>
    <t>高田一郎</t>
  </si>
  <si>
    <t>（有）水島商会</t>
  </si>
  <si>
    <t>水島栄一</t>
  </si>
  <si>
    <t>神奈川県茅ヶ崎市今宿１０３７</t>
  </si>
  <si>
    <t>0467-57-0718</t>
  </si>
  <si>
    <t>ﾐｽﾞｼﾏｼｮｳｶｲ</t>
  </si>
  <si>
    <t>（有）ＭＫＲ　ＣＯＲＰＯＲＡＴＩＯＮ</t>
  </si>
  <si>
    <t>山中道明</t>
  </si>
  <si>
    <t>259-0202</t>
  </si>
  <si>
    <t>神奈川県足柄下郡真鶴町岩８４０</t>
  </si>
  <si>
    <t>0465-69-1115</t>
  </si>
  <si>
    <t>ｴﾑｹｲｱｰﾙ ｺｰﾎﾟﾚｲｼｮﾝ</t>
  </si>
  <si>
    <t>菅井工業　菅井　恵一</t>
  </si>
  <si>
    <t>193-0824</t>
  </si>
  <si>
    <t>東京都八王子市長房町１５１９－１グランデュール寿１０１号</t>
  </si>
  <si>
    <t>042-661-9244</t>
  </si>
  <si>
    <t>ｽｶﾞｲｺｳｷﾞｮｳ ｽｶﾞｲ ｹｲｲﾁ</t>
  </si>
  <si>
    <t>菅井恵一</t>
  </si>
  <si>
    <t>（株）アシストアート</t>
  </si>
  <si>
    <t>髙橋信利</t>
  </si>
  <si>
    <t>197-0003</t>
  </si>
  <si>
    <t>東京都福生市大字熊川９４７－１</t>
  </si>
  <si>
    <t>042-513-0833</t>
  </si>
  <si>
    <t>ｱｼｽﾄｱｰﾄ</t>
  </si>
  <si>
    <t>（株）西湘ウッドテック</t>
  </si>
  <si>
    <t>渡邊健司</t>
  </si>
  <si>
    <t>416-0931</t>
  </si>
  <si>
    <t>静岡県富士市蓼原４３</t>
  </si>
  <si>
    <t>0545-61-0839</t>
  </si>
  <si>
    <t>ｾｲｼｮｳｳｯﾄﾞﾃｯｸ</t>
  </si>
  <si>
    <t>鳶飯塚組　飯塚　雷太</t>
  </si>
  <si>
    <t>247-0052</t>
  </si>
  <si>
    <t>神奈川県鎌倉市今泉２－１６－２０</t>
  </si>
  <si>
    <t>0467-44-5706</t>
  </si>
  <si>
    <t>ﾄﾋﾞｲｲﾂﾞｶｸﾞﾐ ｲｲﾂﾞｶ ﾗｲﾀ</t>
  </si>
  <si>
    <t>飯塚雷太</t>
  </si>
  <si>
    <t>（株）作務</t>
  </si>
  <si>
    <t>　岡本善博</t>
  </si>
  <si>
    <t>250-0055</t>
  </si>
  <si>
    <t>神奈川県小田原市久野３７６４－１１</t>
  </si>
  <si>
    <t>0465-35-7668</t>
  </si>
  <si>
    <t>ｻﾑ</t>
  </si>
  <si>
    <t>岡本善博</t>
  </si>
  <si>
    <t>（株）ＤＡＳＨ</t>
  </si>
  <si>
    <t>大石賢</t>
  </si>
  <si>
    <t>192-0045</t>
  </si>
  <si>
    <t>東京都八王子市大和田町２－１４－１６</t>
  </si>
  <si>
    <t>042-649-5351</t>
  </si>
  <si>
    <t>ﾀﾞｯｼｭ</t>
  </si>
  <si>
    <t>富士解体　原　浩司</t>
  </si>
  <si>
    <t>250-0862</t>
  </si>
  <si>
    <t>神奈川県小田原市成田６５６－５ハイツ村越１０２号</t>
  </si>
  <si>
    <t>0465-38-1787</t>
  </si>
  <si>
    <t>ﾌｼﾞｶｲﾀｲ ﾊﾗ ｺｳｼﾞ</t>
  </si>
  <si>
    <t>原浩司</t>
  </si>
  <si>
    <t>（株）鈴木商店</t>
  </si>
  <si>
    <t>鈴木敏</t>
  </si>
  <si>
    <t>253-0085</t>
  </si>
  <si>
    <t>神奈川県茅ヶ崎市矢畑１１０６－１</t>
  </si>
  <si>
    <t>0467-73-8201</t>
  </si>
  <si>
    <t>ｽｽﾞｷｼｮｳﾃﾝ</t>
  </si>
  <si>
    <t>リネックス（有）</t>
  </si>
  <si>
    <t>工藤広樹</t>
  </si>
  <si>
    <t>259-0114</t>
  </si>
  <si>
    <t>神奈川県中郡大磯町月京２９－３</t>
  </si>
  <si>
    <t>0463-72-2863</t>
  </si>
  <si>
    <t>ﾘﾈｯｸｽ</t>
  </si>
  <si>
    <t>松本英明</t>
  </si>
  <si>
    <t>（株）友野工業</t>
  </si>
  <si>
    <t>アハマド・アミン</t>
  </si>
  <si>
    <t>167-0042</t>
  </si>
  <si>
    <t>東京都杉並区西荻北４－４－７チェリーハイム６号</t>
  </si>
  <si>
    <t>080-3487-1203</t>
  </si>
  <si>
    <t>ﾄﾓﾉｺｳｷﾞｮｳ</t>
  </si>
  <si>
    <t>栗田　光一</t>
  </si>
  <si>
    <t>173-0036</t>
  </si>
  <si>
    <t>東京都板橋区向原３－５－１３－３１１古屋マンション</t>
  </si>
  <si>
    <t>03-5966-8827</t>
  </si>
  <si>
    <t>ｸﾘﾀ ｺｳｲﾁ</t>
  </si>
  <si>
    <t>栗田光一</t>
  </si>
  <si>
    <t>（株）正一建設</t>
  </si>
  <si>
    <t>大槻正通</t>
  </si>
  <si>
    <t>232-0017</t>
  </si>
  <si>
    <t>神奈川県横浜市南区宿町３－５６－４</t>
  </si>
  <si>
    <t>045-720-5408</t>
  </si>
  <si>
    <t>ｼｮｳｲﾁｹﾝｾﾂ</t>
  </si>
  <si>
    <t>川越純一</t>
  </si>
  <si>
    <t>（同）一仁</t>
  </si>
  <si>
    <t>丸山洋平</t>
  </si>
  <si>
    <t>230-0076</t>
  </si>
  <si>
    <t>神奈川県横浜市鶴見区馬場７－２５－４１</t>
  </si>
  <si>
    <t>045-294-4504</t>
  </si>
  <si>
    <t>ｲﾁｼﾞﾝ</t>
  </si>
  <si>
    <t>（株）坂井工業</t>
  </si>
  <si>
    <t>坂井優次</t>
  </si>
  <si>
    <t>252-0807</t>
  </si>
  <si>
    <t>神奈川県藤沢市下土棚５１０クライオスズキビル　３Ｆ</t>
  </si>
  <si>
    <t>0466-52-7565</t>
  </si>
  <si>
    <t>ｻｶｲｺｳｷﾞｮｳ</t>
  </si>
  <si>
    <t>（有）大平堂</t>
  </si>
  <si>
    <t>小平圭三</t>
  </si>
  <si>
    <t>225-0025</t>
  </si>
  <si>
    <t>神奈川県横浜市青葉区鉄町５１－１</t>
  </si>
  <si>
    <t>045-971-1309</t>
  </si>
  <si>
    <t>ﾀｲﾍｲﾄﾞｳ</t>
  </si>
  <si>
    <t>（株）たのひら</t>
  </si>
  <si>
    <t>高原裕二</t>
  </si>
  <si>
    <t>254-0014</t>
  </si>
  <si>
    <t>神奈川県平塚市四之宮４－１－１</t>
  </si>
  <si>
    <t>0463-26-4014</t>
  </si>
  <si>
    <t>ﾀﾉﾋﾗ</t>
  </si>
  <si>
    <t>（株）フィール</t>
  </si>
  <si>
    <t>佐々木代一</t>
  </si>
  <si>
    <t>245-0003</t>
  </si>
  <si>
    <t>神奈川県横浜市泉区岡津町２０６７－１－２０２</t>
  </si>
  <si>
    <t>090-3875-8179</t>
  </si>
  <si>
    <t>ﾌｨｰﾙ</t>
  </si>
  <si>
    <t>佐々木貴織</t>
  </si>
  <si>
    <t>（株）アスフィード</t>
  </si>
  <si>
    <t>岩本相哲</t>
  </si>
  <si>
    <t>230-0048</t>
  </si>
  <si>
    <t>神奈川県横浜市鶴見区本町通２－４８</t>
  </si>
  <si>
    <t>045-717-9444</t>
  </si>
  <si>
    <t>ｱｽﾌｨｰﾄﾞ</t>
  </si>
  <si>
    <t>（株）湘日</t>
  </si>
  <si>
    <t>甲斐秀人</t>
  </si>
  <si>
    <t>259-1212</t>
  </si>
  <si>
    <t>神奈川県平塚市岡崎６３２９－７</t>
  </si>
  <si>
    <t>0463-74-4767</t>
  </si>
  <si>
    <t>ｼｮｳｼﾞﾂ</t>
  </si>
  <si>
    <t>（株）Ｅ－ＲＩＳＥ</t>
  </si>
  <si>
    <t>千葉恵</t>
  </si>
  <si>
    <t>252-0242</t>
  </si>
  <si>
    <t>神奈川県相模原市中央区横山２－１６－１エステート座間２０２</t>
  </si>
  <si>
    <t>042-704-9301</t>
  </si>
  <si>
    <t>ｲｰﾗｲｽﾞ</t>
  </si>
  <si>
    <t>エコ空間（株）</t>
  </si>
  <si>
    <t>木村裕美</t>
  </si>
  <si>
    <t>410-0015</t>
  </si>
  <si>
    <t>静岡県沼津市駿河台１０－５</t>
  </si>
  <si>
    <t>055-922-6707</t>
  </si>
  <si>
    <t>ｴｺｸｳｶﾝ</t>
  </si>
  <si>
    <t>木村敏之</t>
  </si>
  <si>
    <t>（有）ダイドコーポレーション</t>
  </si>
  <si>
    <t>大塚あつ子</t>
  </si>
  <si>
    <t>239-0807</t>
  </si>
  <si>
    <t>神奈川県横須賀市根岸町３－１６－１２ダイドコーポレーションビル１Ｆ</t>
  </si>
  <si>
    <t>046-837-4565</t>
  </si>
  <si>
    <t>ﾀﾞｲﾄﾞｺｰﾎﾟﾚｰｼｮﾝ</t>
  </si>
  <si>
    <t>大塚敬一郎</t>
  </si>
  <si>
    <t>小野寺工業（株）</t>
  </si>
  <si>
    <t>　小野寺太郎</t>
  </si>
  <si>
    <t>245-0018</t>
  </si>
  <si>
    <t>神奈川県横浜市泉区上飯田町２８３３－１９</t>
  </si>
  <si>
    <t>045-805-3235</t>
  </si>
  <si>
    <t>ｵﾉﾃﾞﾗｺｳｷﾞｮｳ</t>
  </si>
  <si>
    <t>小野寺太郎</t>
  </si>
  <si>
    <t>武田商事（株）</t>
  </si>
  <si>
    <t>　武田匡央</t>
  </si>
  <si>
    <t>252-1123</t>
  </si>
  <si>
    <t>神奈川県綾瀬市早川２６０５－３０</t>
  </si>
  <si>
    <t>0467-76-5217</t>
  </si>
  <si>
    <t>ﾀｹﾀﾞｼｮｳｼﾞ</t>
  </si>
  <si>
    <t>本庄真</t>
  </si>
  <si>
    <t>（有）千田商店</t>
  </si>
  <si>
    <t>　千田貴幸</t>
  </si>
  <si>
    <t>243-0425</t>
  </si>
  <si>
    <t>神奈川県海老名市中野３－２０－１６</t>
  </si>
  <si>
    <t>046-239-3055</t>
  </si>
  <si>
    <t>ﾁﾀﾞｼｮｳﾃﾝ</t>
  </si>
  <si>
    <t>千田貴幸</t>
  </si>
  <si>
    <t>（有）片山興業</t>
  </si>
  <si>
    <t>片山宙</t>
  </si>
  <si>
    <t>189-0026</t>
  </si>
  <si>
    <t>東京都東村山市多摩湖町４－１２－１</t>
  </si>
  <si>
    <t>042-390-1071</t>
  </si>
  <si>
    <t>ｶﾀﾔﾏｺｳｷﾞｮｳ</t>
  </si>
  <si>
    <t>ライフ工房　宮本　武彦</t>
  </si>
  <si>
    <t>241-0821</t>
  </si>
  <si>
    <t>神奈川県横浜市旭区二俣川１－２－１－８０８</t>
  </si>
  <si>
    <t>045-362-8819</t>
  </si>
  <si>
    <t>ﾗｲﾌｺｳﾎﾞｳ ﾐﾔﾓﾄ ﾀｹﾋｺ</t>
  </si>
  <si>
    <t>宮本武彦</t>
  </si>
  <si>
    <t>加藤開発　加藤　和人</t>
  </si>
  <si>
    <t>259-1335</t>
  </si>
  <si>
    <t>神奈川県秦野市三廻部８８０</t>
  </si>
  <si>
    <t>0463-88-1486</t>
  </si>
  <si>
    <t>ｶﾄｳｶｲﾊﾂ ｶﾄｳ ｶｽﾞﾄ</t>
  </si>
  <si>
    <t>加藤和人</t>
  </si>
  <si>
    <t>（株）大新企業</t>
  </si>
  <si>
    <t>原谷裕子</t>
  </si>
  <si>
    <t>215-0017</t>
  </si>
  <si>
    <t>神奈川県川崎市麻生区王禅寺西５－３－５－２０３号</t>
  </si>
  <si>
    <t>080-3125-4722</t>
  </si>
  <si>
    <t>ﾀﾞｲｼﾝｷｷﾞｮｳ</t>
  </si>
  <si>
    <t>佐藤　哲次</t>
  </si>
  <si>
    <t>252-0205</t>
  </si>
  <si>
    <t>神奈川県相模原市中央区小山２－９－９</t>
  </si>
  <si>
    <t>042-773-0866</t>
  </si>
  <si>
    <t>ｻﾄｳ ﾃﾂｼﾞ</t>
  </si>
  <si>
    <t>佐藤哲次</t>
  </si>
  <si>
    <t>ＮＡＤＡＦＩ　ＡＢＢＡＳ</t>
  </si>
  <si>
    <t>201-0012</t>
  </si>
  <si>
    <t>東京都狛江市中和泉５－２４－５イズミＫ２０１</t>
  </si>
  <si>
    <t>03-6755-4790</t>
  </si>
  <si>
    <t>ﾅｯﾀﾞﾌｨ ｱｯﾊﾞｽ</t>
  </si>
  <si>
    <t>ＮＡＤＡＦＩＡＢＢＡＳ</t>
  </si>
  <si>
    <t>（有）ハンズ</t>
  </si>
  <si>
    <t>宮本政男</t>
  </si>
  <si>
    <t>240-0115</t>
  </si>
  <si>
    <t>神奈川県三浦郡葉山町上山口８６０－１</t>
  </si>
  <si>
    <t>046-879-2337</t>
  </si>
  <si>
    <t>ﾊﾝｽﾞ</t>
  </si>
  <si>
    <t>（株）東和興産</t>
  </si>
  <si>
    <t>炭野幸裕</t>
  </si>
  <si>
    <t>240-0032</t>
  </si>
  <si>
    <t>神奈川県横浜市保土ケ谷区法泉１－１０－１６法泉町マンション３０１号</t>
  </si>
  <si>
    <t>045-442-6626</t>
  </si>
  <si>
    <t>ﾄｳﾜｺｳｻﾝ</t>
  </si>
  <si>
    <t>（株）杉建</t>
  </si>
  <si>
    <t>杉浦健</t>
  </si>
  <si>
    <t>252-0812</t>
  </si>
  <si>
    <t>神奈川県藤沢市西俣野５１７</t>
  </si>
  <si>
    <t>0466-83-1652</t>
  </si>
  <si>
    <t>ｽｷﾞｹﾝ</t>
  </si>
  <si>
    <t>（株）モリモト</t>
  </si>
  <si>
    <t>森本大輔</t>
  </si>
  <si>
    <t>220-0042</t>
  </si>
  <si>
    <t>神奈川県横浜市西区戸部町２－２０－６</t>
  </si>
  <si>
    <t>045-315-5625</t>
  </si>
  <si>
    <t>ﾓﾘﾓﾄ</t>
  </si>
  <si>
    <t>（同）ｄｍｂ</t>
  </si>
  <si>
    <t>オーカインデスモンド</t>
  </si>
  <si>
    <t>246-0004</t>
  </si>
  <si>
    <t>神奈川県横浜市瀬谷区中屋敷１－１０－１ナックⅡ２０３</t>
  </si>
  <si>
    <t>045-302-3852</t>
  </si>
  <si>
    <t>ﾃﾞｨｴﾑﾋﾞｰ</t>
  </si>
  <si>
    <t>（株）ハッピーハウス</t>
  </si>
  <si>
    <t>　清水真弓</t>
  </si>
  <si>
    <t>245-0009</t>
  </si>
  <si>
    <t>神奈川県横浜市泉区新橋町１９５</t>
  </si>
  <si>
    <t>045-811-1571</t>
  </si>
  <si>
    <t>ﾊｯﾋﾟｰﾊｳｽ</t>
  </si>
  <si>
    <t>清水真弓</t>
  </si>
  <si>
    <t>（株）ＣＲＳ</t>
  </si>
  <si>
    <t>中川武志</t>
  </si>
  <si>
    <t>124-0006</t>
  </si>
  <si>
    <t>東京都葛飾区堀切６－２５－９</t>
  </si>
  <si>
    <t>090-8778-0293</t>
  </si>
  <si>
    <t>ｼｰｱｰﾙｴｽ</t>
  </si>
  <si>
    <t>小室宏哉</t>
  </si>
  <si>
    <t>（株）ダイコク</t>
  </si>
  <si>
    <t>日向とも子</t>
  </si>
  <si>
    <t>神奈川県横浜市泉区和泉町１０１０</t>
  </si>
  <si>
    <t>045-443-7520</t>
  </si>
  <si>
    <t>ﾀﾞｲｺｸ</t>
  </si>
  <si>
    <t>日向明平</t>
  </si>
  <si>
    <t>武松商事（株）</t>
  </si>
  <si>
    <t>小椋真哉</t>
  </si>
  <si>
    <t>231-8545</t>
  </si>
  <si>
    <t>神奈川県横浜市中区山下町１０５</t>
  </si>
  <si>
    <t>045-681-4376</t>
  </si>
  <si>
    <t>ﾀｹﾏﾂｼｮｳｼﾞ</t>
  </si>
  <si>
    <t>（株）たのひら海老名店</t>
  </si>
  <si>
    <t>243-0433</t>
  </si>
  <si>
    <t>神奈川県海老名市河原口３－３６－１８</t>
  </si>
  <si>
    <t>046-259-6123</t>
  </si>
  <si>
    <t>ﾀﾉﾋﾗｴﾋﾞﾅﾃﾝ</t>
  </si>
  <si>
    <t>（株）たつみ</t>
  </si>
  <si>
    <t>渡邉祐太</t>
  </si>
  <si>
    <t>210-0026</t>
  </si>
  <si>
    <t>神奈川県川崎市川崎区堤根３７－４慶桜交通ビル２階</t>
  </si>
  <si>
    <t>044-223-5160</t>
  </si>
  <si>
    <t>ﾀﾂﾐ</t>
  </si>
  <si>
    <t>椎名博和</t>
  </si>
  <si>
    <t>（株）Ｊ・Ｔ・Ｓ</t>
  </si>
  <si>
    <t>田中淳</t>
  </si>
  <si>
    <t>341-0035</t>
  </si>
  <si>
    <t>埼玉県三郷市鷹野５－２９８－４</t>
  </si>
  <si>
    <t>048-954-7182</t>
  </si>
  <si>
    <t>ｼﾞｪｲﾃｨｰｴｽ</t>
  </si>
  <si>
    <t>ＭＩＫＩＴＥＣＨ（株）</t>
  </si>
  <si>
    <t>サリダスデニズ　アリ</t>
  </si>
  <si>
    <t>336-0022</t>
  </si>
  <si>
    <t>埼玉県さいたま市南区白幡４－２０－１３－２０４</t>
  </si>
  <si>
    <t>048-717-7827</t>
  </si>
  <si>
    <t>ﾐｷﾃｯｸ</t>
  </si>
  <si>
    <t>サリダスデニズアリ</t>
  </si>
  <si>
    <t>（株）プレイワン</t>
  </si>
  <si>
    <t>三坂昇司</t>
  </si>
  <si>
    <t>235-0005</t>
  </si>
  <si>
    <t>神奈川県横浜市磯子区東町１８－８－７０７号</t>
  </si>
  <si>
    <t>045-884-5404</t>
  </si>
  <si>
    <t>ﾌﾟﾚｲﾜﾝ</t>
  </si>
  <si>
    <t>（株）リマ工業</t>
  </si>
  <si>
    <t>リマ・サンドロ・アンセルモ・ダマセノ</t>
  </si>
  <si>
    <t>神奈川県藤沢市長後２５８２</t>
  </si>
  <si>
    <t>0466-53-7288</t>
  </si>
  <si>
    <t>ﾘﾏｺｳｷﾞｮｳ</t>
  </si>
  <si>
    <t>大栄企業（株）</t>
  </si>
  <si>
    <t>小浦美紀</t>
  </si>
  <si>
    <t>206-0812</t>
  </si>
  <si>
    <t>東京都稲城市矢野口１７２０－２清水第２ビル２０２</t>
  </si>
  <si>
    <t>042-379-2728</t>
  </si>
  <si>
    <t>ﾀﾞｲｴｲｷｷﾞｮｳ</t>
  </si>
  <si>
    <t>久保田鉄鋼（株）</t>
  </si>
  <si>
    <t>志平友和</t>
  </si>
  <si>
    <t>192-0041</t>
  </si>
  <si>
    <t>東京都八王子市中野上町２－１８－３</t>
  </si>
  <si>
    <t>042-625-2171</t>
  </si>
  <si>
    <t>ｸﾎﾞﾀﾃｯｺｳ</t>
  </si>
  <si>
    <t>鶴岡孝弘</t>
  </si>
  <si>
    <t>（株）拓翔</t>
  </si>
  <si>
    <t>斎藤拓磨</t>
  </si>
  <si>
    <t>224-0052</t>
  </si>
  <si>
    <t>神奈川県横浜市都筑区二の丸１７－１５</t>
  </si>
  <si>
    <t>090-2464-0454</t>
  </si>
  <si>
    <t>ﾀｸｼｮｳ</t>
  </si>
  <si>
    <t>マスザワ産業（有）</t>
  </si>
  <si>
    <t>　増沢雄太</t>
  </si>
  <si>
    <t>341-0004</t>
  </si>
  <si>
    <t>埼玉県三郷市上彦名５７８</t>
  </si>
  <si>
    <t>048-950-1886</t>
  </si>
  <si>
    <t>ﾏｽｻﾞﾜｻﾝｷﾞｮｳ</t>
  </si>
  <si>
    <t>増沢雄太</t>
  </si>
  <si>
    <t>（株）Ｏ・Ｔ・Ｏ</t>
  </si>
  <si>
    <t>中井忍</t>
  </si>
  <si>
    <t>神奈川県横浜市泉区新橋町１３</t>
  </si>
  <si>
    <t>045-811-1333</t>
  </si>
  <si>
    <t>ｵｰﾃｨｰｵｰ</t>
  </si>
  <si>
    <t>宮脇大介</t>
  </si>
  <si>
    <t>ティーエスエンバイロ（株）</t>
  </si>
  <si>
    <t>髙井祐子</t>
  </si>
  <si>
    <t>243-0303</t>
  </si>
  <si>
    <t>神奈川県愛甲郡愛川町中津字下六倉２６５０－１</t>
  </si>
  <si>
    <t>046-281-8605</t>
  </si>
  <si>
    <t>ﾃｨｰｴｽｴﾝﾊﾞｲﾛ</t>
  </si>
  <si>
    <t>髙井清正</t>
  </si>
  <si>
    <t>オーケー工業（株）</t>
  </si>
  <si>
    <t>関根通久</t>
  </si>
  <si>
    <t>251-0021</t>
  </si>
  <si>
    <t>神奈川県藤沢市鵠沼神明５－１４－１</t>
  </si>
  <si>
    <t>0466-23-4307</t>
  </si>
  <si>
    <t>ｵｰｹｰｺｳｷﾞｮｳ</t>
  </si>
  <si>
    <t>岡﨑興業　岡﨑　哲也</t>
  </si>
  <si>
    <t>神奈川県相模原市中央区上溝２４１１－２４</t>
  </si>
  <si>
    <t>042-785-2475</t>
  </si>
  <si>
    <t>ｵｶｻﾞｷｺｳｷﾞｮｳ ｵｶｻﾞｷ ﾃﾂﾔ</t>
  </si>
  <si>
    <t>岡﨑哲也</t>
  </si>
  <si>
    <t>ＳＨＩＲＡＨＡＴＡ（株）</t>
  </si>
  <si>
    <t>バリバイエルジャン</t>
  </si>
  <si>
    <t>333-0834</t>
  </si>
  <si>
    <t>埼玉県川口市大字安行領根岸２０１８</t>
  </si>
  <si>
    <t>048-494-7537</t>
  </si>
  <si>
    <t>ｼﾗﾊﾀ</t>
  </si>
  <si>
    <t>（株）鈴木工業</t>
  </si>
  <si>
    <t>鈴木英雄</t>
  </si>
  <si>
    <t>243-0402</t>
  </si>
  <si>
    <t>神奈川県海老名市柏ケ谷３－１５－３０</t>
  </si>
  <si>
    <t>046-232-1027</t>
  </si>
  <si>
    <t>ｽｽﾞｷｺｳｷﾞｮｳ</t>
  </si>
  <si>
    <t>（株）Ｚａｃ</t>
  </si>
  <si>
    <t>植野好孝</t>
  </si>
  <si>
    <t>241-0833</t>
  </si>
  <si>
    <t>神奈川県横浜市旭区南本宿町１２２－２３</t>
  </si>
  <si>
    <t>045-520-3307</t>
  </si>
  <si>
    <t>ｻﾞｯｸ</t>
  </si>
  <si>
    <t>カミネ商事（株）</t>
  </si>
  <si>
    <t>横田勝巳</t>
  </si>
  <si>
    <t>333-0862</t>
  </si>
  <si>
    <t>埼玉県川口市北園町７－９</t>
  </si>
  <si>
    <t>048-262-5510</t>
  </si>
  <si>
    <t>ｶﾐﾈｼｮｳｼﾞ</t>
  </si>
  <si>
    <t>（株）ヤクシン戸塚</t>
  </si>
  <si>
    <t>鶴実</t>
  </si>
  <si>
    <t>245-0053</t>
  </si>
  <si>
    <t>神奈川県横浜市戸塚区上矢部町１６４５</t>
  </si>
  <si>
    <t>045-392-9252</t>
  </si>
  <si>
    <t>ﾔｸｼﾝﾄﾂｶ</t>
  </si>
  <si>
    <t>（株）クリーン産業</t>
  </si>
  <si>
    <t>鈴木佑一</t>
  </si>
  <si>
    <t>108-0023</t>
  </si>
  <si>
    <t>東京都港区芝浦４－１２－３１</t>
  </si>
  <si>
    <t>03-5730-8488</t>
  </si>
  <si>
    <t>ｸﾘｰﾝｻﾝｷﾞｮｳ</t>
  </si>
  <si>
    <t>中野達也</t>
  </si>
  <si>
    <t>（株）亀紋ホーム</t>
  </si>
  <si>
    <t>金子恵</t>
  </si>
  <si>
    <t>045-577-4160</t>
  </si>
  <si>
    <t>ｷﾓﾝﾎｰﾑ</t>
  </si>
  <si>
    <t>ウワゼキ工業　上関　大奨</t>
  </si>
  <si>
    <t>231-0823</t>
  </si>
  <si>
    <t>神奈川県横浜市中区本牧大里町１９－３</t>
  </si>
  <si>
    <t>045-514-9543</t>
  </si>
  <si>
    <t>ｳﾜｾﾞｷｺｳｷﾞｮｳ ｳﾜｾﾞｷ ﾀﾞｲｽｹ</t>
  </si>
  <si>
    <t>上関大奨</t>
  </si>
  <si>
    <t>（株）ヤクシン</t>
  </si>
  <si>
    <t>前山容一</t>
  </si>
  <si>
    <t>247-0072</t>
  </si>
  <si>
    <t>神奈川県鎌倉市岡本１－３－２８</t>
  </si>
  <si>
    <t>0467-53-7982</t>
  </si>
  <si>
    <t>ﾔｸｼﾝ</t>
  </si>
  <si>
    <t>大内修</t>
  </si>
  <si>
    <t>（有）梅田商店</t>
  </si>
  <si>
    <t>梅田年治</t>
  </si>
  <si>
    <t>170-0001</t>
  </si>
  <si>
    <t>東京都豊島区西巣鴨２－３２－４</t>
  </si>
  <si>
    <t>03-3917-2927</t>
  </si>
  <si>
    <t>ｳﾒﾀﾞｼｮｳﾃﾝ</t>
  </si>
  <si>
    <t>小林春樹</t>
  </si>
  <si>
    <t>（株）健栄</t>
  </si>
  <si>
    <t>笹尾健</t>
  </si>
  <si>
    <t>344-0022</t>
  </si>
  <si>
    <t>埼玉県春日部市大畑２２４－１</t>
  </si>
  <si>
    <t>048-951-2254</t>
  </si>
  <si>
    <t>ｹﾝｴｲ</t>
  </si>
  <si>
    <t>（株）メタルコム</t>
  </si>
  <si>
    <t>出口治秀</t>
  </si>
  <si>
    <t>190-1204</t>
  </si>
  <si>
    <t>東京都西多摩郡瑞穂町富士山栗原新田１２０－１</t>
  </si>
  <si>
    <t>042-557-8154</t>
  </si>
  <si>
    <t>ﾒﾀﾙｺﾑ</t>
  </si>
  <si>
    <t>（株）ＲＯＪＡＶＡ</t>
  </si>
  <si>
    <t>ユージェルメメット</t>
  </si>
  <si>
    <t>333-0832</t>
  </si>
  <si>
    <t>埼玉県川口市大字神戸６３５－９</t>
  </si>
  <si>
    <t>048-229-6919</t>
  </si>
  <si>
    <t>ﾛｼﾞｬﾊﾞ</t>
  </si>
  <si>
    <t>ＳＨＩＮＯＺＡＫＩ　篠﨑　慎浩</t>
  </si>
  <si>
    <t>252-0244</t>
  </si>
  <si>
    <t>神奈川県相模原市中央区田名１６４６</t>
  </si>
  <si>
    <t>090-4005-5669</t>
  </si>
  <si>
    <t>ｼﾉｻﾞｷ ﾉﾘﾋﾛ</t>
  </si>
  <si>
    <t>篠崎慎浩</t>
  </si>
  <si>
    <t>（株）創栄興業</t>
  </si>
  <si>
    <t>奥村進</t>
  </si>
  <si>
    <t>261-0003</t>
  </si>
  <si>
    <t>千葉県千葉市美浜区高浜４－１０－１４－４０４</t>
  </si>
  <si>
    <t>043-278-2771</t>
  </si>
  <si>
    <t>ｿｳｴｲｺｳｷﾞｮｳ</t>
  </si>
  <si>
    <t>（株）湘南インポート</t>
  </si>
  <si>
    <t>新垣ケンジ</t>
  </si>
  <si>
    <t>神奈川県藤沢市打戻２３９８</t>
  </si>
  <si>
    <t>0466-47-2294</t>
  </si>
  <si>
    <t>ｼｮｳﾅﾝｲﾝﾎﾟｰﾄ</t>
  </si>
  <si>
    <t>（株）Ｒｙ</t>
  </si>
  <si>
    <t>佐々木邦彦</t>
  </si>
  <si>
    <t>251-0037</t>
  </si>
  <si>
    <t>神奈川県藤沢市鵠沼海岸２－１７－２４モシール鵠沼１階</t>
  </si>
  <si>
    <t>0466-86-5081</t>
  </si>
  <si>
    <t>ｱｰﾙﾜｲ</t>
  </si>
  <si>
    <t>（株）デモリション　タカ</t>
  </si>
  <si>
    <t>長隆行</t>
  </si>
  <si>
    <t>144-0052</t>
  </si>
  <si>
    <t>東京都大田区蒲田４－３３－７</t>
  </si>
  <si>
    <t>03-5877-8900</t>
  </si>
  <si>
    <t>ﾃﾞﾓﾘｼｮﾝ ﾀｶ</t>
  </si>
  <si>
    <t>（株）ＭＳコーポレーション</t>
  </si>
  <si>
    <t>メルトセフィク</t>
  </si>
  <si>
    <t>333-0835</t>
  </si>
  <si>
    <t>埼玉県川口市大字道合３０７－８</t>
  </si>
  <si>
    <t>048-424-2210</t>
  </si>
  <si>
    <t>ｴﾑｴｽｺｰﾎﾟﾚｰｼｮﾝ</t>
  </si>
  <si>
    <t>（株）ＴＳジャパン</t>
  </si>
  <si>
    <t>タスムスタファ</t>
  </si>
  <si>
    <t>333-0824</t>
  </si>
  <si>
    <t>埼玉県川口市赤芝新田２２７－５</t>
  </si>
  <si>
    <t>048-483-4493</t>
  </si>
  <si>
    <t>ﾃｨｰｴｽｼﾞｬﾊﾟﾝ</t>
  </si>
  <si>
    <t>（株）プランツ</t>
  </si>
  <si>
    <t>友井恵子</t>
  </si>
  <si>
    <t>237-0064</t>
  </si>
  <si>
    <t>神奈川県横須賀市追浜町３－１９－１７</t>
  </si>
  <si>
    <t>046-884-8558</t>
  </si>
  <si>
    <t>ﾌﾟﾗﾝﾂ</t>
  </si>
  <si>
    <t>（株）良希グループ</t>
  </si>
  <si>
    <t>橘田宰</t>
  </si>
  <si>
    <t>359-1101</t>
  </si>
  <si>
    <t>埼玉県所沢市北中４－３５６－１１</t>
  </si>
  <si>
    <t>04-2969-0264</t>
  </si>
  <si>
    <t>ﾖｼｷｸﾞﾙｰﾌﾟ</t>
  </si>
  <si>
    <t>（株）エムディーケー</t>
  </si>
  <si>
    <t>瀧川数浩</t>
  </si>
  <si>
    <t>246-0025</t>
  </si>
  <si>
    <t>神奈川県横浜市瀬谷区阿久和西４－２－２９カルミアＤ２０３</t>
  </si>
  <si>
    <t>045-827-3540</t>
  </si>
  <si>
    <t>ｴﾑﾃﾞｨｰｹｰ</t>
  </si>
  <si>
    <t>平明国際貿易（株）</t>
  </si>
  <si>
    <t>クー・タン・トルン</t>
  </si>
  <si>
    <t>254-0001</t>
  </si>
  <si>
    <t>神奈川県平塚市大島８５４－１</t>
  </si>
  <si>
    <t>0463-54-8204</t>
  </si>
  <si>
    <t>ﾍｲﾒｲｺｸｻｲﾎﾞｳｴｷ</t>
  </si>
  <si>
    <t>武田（株）</t>
  </si>
  <si>
    <t>ダンダル・メメット</t>
  </si>
  <si>
    <t>340-0823</t>
  </si>
  <si>
    <t>埼玉県八潮市古新田５４４レーベンハイムエクスプレシャス６０３号</t>
  </si>
  <si>
    <t>048-951-1039</t>
  </si>
  <si>
    <t>ﾀｹﾀﾞ</t>
  </si>
  <si>
    <t>丹羽秀治</t>
  </si>
  <si>
    <t>（株）恒大建設</t>
  </si>
  <si>
    <t>林正剛</t>
  </si>
  <si>
    <t>121-0061</t>
  </si>
  <si>
    <t>東京都足立区花畑７－１８－１０</t>
  </si>
  <si>
    <t>03-5856-4417</t>
  </si>
  <si>
    <t>ｺｳﾀﾞｲｹﾝｾﾂ</t>
  </si>
  <si>
    <t>（株）トリプルワン</t>
  </si>
  <si>
    <t>川島冴織</t>
  </si>
  <si>
    <t>埼玉県八潮市大字大瀬５５－３２</t>
  </si>
  <si>
    <t>048-959-9978</t>
  </si>
  <si>
    <t>ﾄﾘﾌﾟﾙﾜﾝ</t>
  </si>
  <si>
    <t>（株）東播磨</t>
  </si>
  <si>
    <t>福田一也</t>
  </si>
  <si>
    <t>211-0044</t>
  </si>
  <si>
    <t>神奈川県川崎市中原区新城１－３－１－５０７</t>
  </si>
  <si>
    <t>044-755-9030</t>
  </si>
  <si>
    <t>ﾋｶﾞｼﾊﾘﾏ</t>
  </si>
  <si>
    <t>（株）Ａ・Ｍサービス</t>
  </si>
  <si>
    <t>虻川秋光</t>
  </si>
  <si>
    <t>226-0015</t>
  </si>
  <si>
    <t>神奈川県横浜市緑区三保町５３２番地</t>
  </si>
  <si>
    <t>045-442-4431</t>
  </si>
  <si>
    <t>ｴｰｴﾑｻｰﾋﾞｽ</t>
  </si>
  <si>
    <t>吉木忠昭</t>
  </si>
  <si>
    <t>（株）ヤマヨシ</t>
  </si>
  <si>
    <t>山道義弘</t>
  </si>
  <si>
    <t>239-0806</t>
  </si>
  <si>
    <t>神奈川県横須賀市池田町５－９－１</t>
  </si>
  <si>
    <t>046-837-3038</t>
  </si>
  <si>
    <t>ﾔﾏﾖｼ</t>
  </si>
  <si>
    <t>小澤　守</t>
  </si>
  <si>
    <t>256-0815</t>
  </si>
  <si>
    <t>神奈川県小田原市小八幡３－４－１</t>
  </si>
  <si>
    <t>0465-49-6616</t>
  </si>
  <si>
    <t>ｵｻﾞﾜ ﾏﾓﾙ</t>
  </si>
  <si>
    <t>小澤守</t>
  </si>
  <si>
    <t>（株）ＳＥＩＹＡ</t>
  </si>
  <si>
    <t>　藤田成人</t>
  </si>
  <si>
    <t>252-1115</t>
  </si>
  <si>
    <t>神奈川県綾瀬市落合南５－３－３３</t>
  </si>
  <si>
    <t>0467-50-0514</t>
  </si>
  <si>
    <t>ｾｲﾔ</t>
  </si>
  <si>
    <t>藤田成人</t>
  </si>
  <si>
    <t>（株）三島興業</t>
  </si>
  <si>
    <t>澤井孝幸</t>
  </si>
  <si>
    <t>411-0013</t>
  </si>
  <si>
    <t>静岡県三島市三ツ谷新田３０１－１</t>
  </si>
  <si>
    <t>055-976-5350</t>
  </si>
  <si>
    <t>ﾐｼﾏｺｳｷﾞｮｳ</t>
  </si>
  <si>
    <t>（株）坂口工業</t>
  </si>
  <si>
    <t>坂口修二</t>
  </si>
  <si>
    <t>343-0044</t>
  </si>
  <si>
    <t>埼玉県越谷市大泊２９４番地</t>
  </si>
  <si>
    <t>048-979-3638</t>
  </si>
  <si>
    <t>ｻｶｸﾞﾁｺｳｷﾞｮｳ</t>
  </si>
  <si>
    <t>（株）ＡＳＩＡ</t>
  </si>
  <si>
    <t>エルユルマズシヤル</t>
  </si>
  <si>
    <t>332-0011</t>
  </si>
  <si>
    <t>埼玉県川口市元郷５－２６－１３－２０１</t>
  </si>
  <si>
    <t>080-4290-1147</t>
  </si>
  <si>
    <t>ｱｼﾞｱ</t>
  </si>
  <si>
    <t>（有）湘南住建</t>
  </si>
  <si>
    <t>庄司讓</t>
  </si>
  <si>
    <t>242-0007</t>
  </si>
  <si>
    <t>神奈川県大和市中央林間９－２－２６</t>
  </si>
  <si>
    <t>046-208-5555</t>
  </si>
  <si>
    <t>ｼｮｳﾅﾝｼﾞｭｳｹﾝ</t>
  </si>
  <si>
    <t>（株）三雄</t>
  </si>
  <si>
    <t>　森三智人</t>
  </si>
  <si>
    <t>340-0054</t>
  </si>
  <si>
    <t>埼玉県草加市新善町４７７エクセル彩２１３号</t>
  </si>
  <si>
    <t>090-3096-5808</t>
  </si>
  <si>
    <t>ｻﾝﾕｳ</t>
  </si>
  <si>
    <t>森三智人</t>
  </si>
  <si>
    <t>（有）栄昭興業</t>
  </si>
  <si>
    <t>　都築昭彦</t>
  </si>
  <si>
    <t>359-0003</t>
  </si>
  <si>
    <t>埼玉県所沢市中富南３－１３－１</t>
  </si>
  <si>
    <t>04-2943-8182</t>
  </si>
  <si>
    <t>ｴｲｼｮｳｺｳｷﾞｮｳ</t>
  </si>
  <si>
    <t>都築昭彦</t>
  </si>
  <si>
    <t>カロリージャパン　木野田　博昭</t>
  </si>
  <si>
    <t>252-1108</t>
  </si>
  <si>
    <t>神奈川県綾瀬市深谷上５－１８－５クレストハイツ２Ｆ</t>
  </si>
  <si>
    <t>0467-38-8635</t>
  </si>
  <si>
    <t>ｶﾛﾘｰｼﾞｬﾊﾟﾝ ｷﾉﾀﾞ ﾋﾛｱｷ</t>
  </si>
  <si>
    <t>木野田博昭</t>
  </si>
  <si>
    <t>（株）早稲塚組</t>
  </si>
  <si>
    <t>　早稲塚賢</t>
  </si>
  <si>
    <t>195-0074</t>
  </si>
  <si>
    <t>東京都町田市山崎町１４９３－３</t>
  </si>
  <si>
    <t>042-791-2668</t>
  </si>
  <si>
    <t>ﾜｾﾂﾞｶｸﾞﾐ</t>
  </si>
  <si>
    <t>早稲塚賢</t>
  </si>
  <si>
    <t>（株）ウチャル工業</t>
  </si>
  <si>
    <t>　岸本ますみ</t>
  </si>
  <si>
    <t>埼玉県川口市神戸１５４－３</t>
  </si>
  <si>
    <t>048-229-7372</t>
  </si>
  <si>
    <t>ｳﾁｬﾙｺｳｷﾞｮｳ</t>
  </si>
  <si>
    <t>岸本英子</t>
  </si>
  <si>
    <t>（株）ばっちり工業</t>
  </si>
  <si>
    <t>バリバイビレント</t>
  </si>
  <si>
    <t>埼玉県川口市赤芝新田２５７－５</t>
  </si>
  <si>
    <t>048-235-7169</t>
  </si>
  <si>
    <t>ﾊﾞｯﾁﾘｺｳｷﾞｮｳ</t>
  </si>
  <si>
    <t>ＢＡＬＩＢＡＹＢＵＬＥＮＴ</t>
  </si>
  <si>
    <t>（有）銀河企画</t>
  </si>
  <si>
    <t>　柴山芳廣</t>
  </si>
  <si>
    <t>神奈川県相模原市中央区上溝３９４８－１エクレール第３相模原６０６号</t>
  </si>
  <si>
    <t>042-764-2527</t>
  </si>
  <si>
    <t>ｷﾞﾝｶﾞｷｶｸ</t>
  </si>
  <si>
    <t>柴山芳廣</t>
  </si>
  <si>
    <t>（株）Ａｔ・Ｆａｉｔｈ</t>
  </si>
  <si>
    <t>岡部麻里</t>
  </si>
  <si>
    <t>221-0801</t>
  </si>
  <si>
    <t>神奈川県横浜市神奈川区神大寺４－２０－６３グリーンハイツⅡ１０２</t>
  </si>
  <si>
    <t>045-565-9910</t>
  </si>
  <si>
    <t>ｱｯﾄ ﾌｪｲｽ</t>
  </si>
  <si>
    <t>（株）ボンドジャパン</t>
  </si>
  <si>
    <t>　中津俊一</t>
  </si>
  <si>
    <t>183-0013</t>
  </si>
  <si>
    <t>東京都府中市小柳町２－２５－１９</t>
  </si>
  <si>
    <t>042-369-3990</t>
  </si>
  <si>
    <t>ﾎﾞﾝﾄﾞｼﾞｬﾊﾟﾝ</t>
  </si>
  <si>
    <t>中津俊一</t>
  </si>
  <si>
    <t>（株）新成エンジニア</t>
  </si>
  <si>
    <t>廣瀬武治</t>
  </si>
  <si>
    <t>193-0846</t>
  </si>
  <si>
    <t>東京都八王子市南浅川町３２４１</t>
  </si>
  <si>
    <t>042-697-8271</t>
  </si>
  <si>
    <t>ｼﾝｾｲｴﾝｼﾞﾆｱ</t>
  </si>
  <si>
    <t>（株）エムティ工業</t>
  </si>
  <si>
    <t>竹島未来</t>
  </si>
  <si>
    <t>121-0832</t>
  </si>
  <si>
    <t>東京都足立区古千谷本町２－１０－２５</t>
  </si>
  <si>
    <t>03-5838-0054</t>
  </si>
  <si>
    <t>ｴﾑﾃｨｺｳｷﾞｮｳ</t>
  </si>
  <si>
    <t>ＳＵＮ（株）</t>
  </si>
  <si>
    <t>三沢修</t>
  </si>
  <si>
    <t>104-0052</t>
  </si>
  <si>
    <t>東京都中央区月島２－１０－１ー１８０８</t>
  </si>
  <si>
    <t>03-3564-8899</t>
  </si>
  <si>
    <t>ｻﾝ</t>
  </si>
  <si>
    <t>斉藤工業　齋藤　隆児</t>
  </si>
  <si>
    <t>252-0135</t>
  </si>
  <si>
    <t>神奈川県相模原市緑区大島２４６９－１２</t>
  </si>
  <si>
    <t>042-703-0784</t>
  </si>
  <si>
    <t>ｻｲﾄｳｺｳｷﾞｮｳ ｻｲﾄｳ ﾘｭｳｼﾞ</t>
  </si>
  <si>
    <t>齋藤隆児</t>
  </si>
  <si>
    <t>済州建設（株）</t>
  </si>
  <si>
    <t>洪性植</t>
  </si>
  <si>
    <t>245-0022</t>
  </si>
  <si>
    <t>神奈川県横浜市泉区和泉が丘３－３６－３</t>
  </si>
  <si>
    <t>045-801-7886</t>
  </si>
  <si>
    <t>ｻｲｼｭｳｹﾝｾﾂ</t>
  </si>
  <si>
    <t>（有）ヒノデコーポレーション</t>
  </si>
  <si>
    <t>パルヴィジファラジアラ</t>
  </si>
  <si>
    <t>195-0055</t>
  </si>
  <si>
    <t>東京都町田市三輪緑山１－９－１３</t>
  </si>
  <si>
    <t>044-988-8830</t>
  </si>
  <si>
    <t>ﾋﾉﾃﾞｺｰﾎﾟﾚｰｼｮﾝ</t>
  </si>
  <si>
    <t>（有）マイルドハウス</t>
  </si>
  <si>
    <t>飯村大吾</t>
  </si>
  <si>
    <t>208-0013</t>
  </si>
  <si>
    <t>東京都武蔵村山市大南５－７０－１１</t>
  </si>
  <si>
    <t>090-7171-4721</t>
  </si>
  <si>
    <t>ﾏｲﾙﾄﾞﾊｳｽ</t>
  </si>
  <si>
    <t>望月勇</t>
  </si>
  <si>
    <t>山田商事　山田　慎治</t>
  </si>
  <si>
    <t>神奈川県横須賀市林１－４－８</t>
  </si>
  <si>
    <t>090-2214-1483</t>
  </si>
  <si>
    <t>ﾔﾏﾀﾞｼｮｳｼﾞ ﾔﾏﾀﾞ ｼﾝｼﾞ</t>
  </si>
  <si>
    <t>山田慎治</t>
  </si>
  <si>
    <t>（株）Ｊ－ＳＴＹＬＥ</t>
  </si>
  <si>
    <t>近野淳平</t>
  </si>
  <si>
    <t>238-0052</t>
  </si>
  <si>
    <t>神奈川県横須賀市佐野町３－１－１１</t>
  </si>
  <si>
    <t>090-1537-0113</t>
  </si>
  <si>
    <t>ｼﾞｪｲｽﾀｲﾙ</t>
  </si>
  <si>
    <t>（株）ミズガミ工業</t>
  </si>
  <si>
    <t>水上真由佳</t>
  </si>
  <si>
    <t>神奈川県高座郡寒川町一之宮５－１２－１５</t>
  </si>
  <si>
    <t>0467-98-2230</t>
  </si>
  <si>
    <t>ﾐｽﾞｶﾞﾐｺｳｷﾞｮｳ</t>
  </si>
  <si>
    <t>梶昂平</t>
  </si>
  <si>
    <t>ＳＫ工業　佐藤　信義</t>
  </si>
  <si>
    <t>252-0157</t>
  </si>
  <si>
    <t>神奈川県相模原市緑区中野１９３５－７</t>
  </si>
  <si>
    <t>042-738-5401</t>
  </si>
  <si>
    <t>ｴｽｹｰｺｳｷﾞｮｳ ｻﾄｳ ﾉﾌﾞﾖｼ</t>
  </si>
  <si>
    <t>佐藤信義</t>
  </si>
  <si>
    <t>勝見産業（株）</t>
  </si>
  <si>
    <t>勝見龍一</t>
  </si>
  <si>
    <t>神奈川県横浜市泉区上飯田３５６－２</t>
  </si>
  <si>
    <t>046-207-9884</t>
  </si>
  <si>
    <t>ｶﾂﾐｻﾝｷﾞｮｳ</t>
  </si>
  <si>
    <t>（株）ＡＰＥＸ解体</t>
  </si>
  <si>
    <t>ミランダ　ジュリアナユリ</t>
  </si>
  <si>
    <t>243-0424</t>
  </si>
  <si>
    <t>神奈川県海老名市社家６－１１－３３－７０９号</t>
  </si>
  <si>
    <t>046-259-7833</t>
  </si>
  <si>
    <t>ｱﾍﾟｯｸｽｶｲﾀｲ</t>
  </si>
  <si>
    <t>ＯＣＥＡＮ（株）</t>
  </si>
  <si>
    <t>ユジェルメメット</t>
  </si>
  <si>
    <t>333-0848</t>
  </si>
  <si>
    <t>埼玉県川口市芝下３－４５－５アミューズメント芝高木Ｃ棟１０３</t>
  </si>
  <si>
    <t>048-280-3103</t>
  </si>
  <si>
    <t>ｵｰｼｬﾝ</t>
  </si>
  <si>
    <t>ユジェルエルシン</t>
  </si>
  <si>
    <t>（株）カーンモータース</t>
  </si>
  <si>
    <t>モハメド　ジェミルカーン</t>
  </si>
  <si>
    <t>252-0314</t>
  </si>
  <si>
    <t>神奈川県相模原市南区南台３－１１－１５コーポ祖生華１０３</t>
  </si>
  <si>
    <t>042-743-0684</t>
  </si>
  <si>
    <t>ｶｰﾝﾓｰﾀｰｽ</t>
  </si>
  <si>
    <t>カーン　モハメドジェミル</t>
  </si>
  <si>
    <t>（株）義興業</t>
  </si>
  <si>
    <t>山口義久</t>
  </si>
  <si>
    <t>242-0011</t>
  </si>
  <si>
    <t>神奈川県大和市深見１０２９－５</t>
  </si>
  <si>
    <t>046-262-7810</t>
  </si>
  <si>
    <t>ﾖｼｺｳｷﾞｮｳ</t>
  </si>
  <si>
    <t>（有）フジミネコーポレーション</t>
  </si>
  <si>
    <t>下堂薗光輝</t>
  </si>
  <si>
    <t>121-0062</t>
  </si>
  <si>
    <t>東京都足立区南花畑２－４２－２</t>
  </si>
  <si>
    <t>03-5856-4903</t>
  </si>
  <si>
    <t>ﾌｼﾞﾐﾈｺｰﾎﾟﾚｰｼｮﾝ</t>
  </si>
  <si>
    <t>（株）上中組</t>
  </si>
  <si>
    <t>住田陽介</t>
  </si>
  <si>
    <t>289-1625</t>
  </si>
  <si>
    <t>千葉県山武郡芝山町新井田３２４</t>
  </si>
  <si>
    <t>0479-85-5550</t>
  </si>
  <si>
    <t>ｶﾐﾅｶｸﾞﾐ</t>
  </si>
  <si>
    <t>（株）インフィニティコーポレーション</t>
  </si>
  <si>
    <t>紺野裕司</t>
  </si>
  <si>
    <t>221-0852</t>
  </si>
  <si>
    <t>神奈川県横浜市神奈川区三ツ沢下町２４－９</t>
  </si>
  <si>
    <t>045-320-9044</t>
  </si>
  <si>
    <t>ｲﾝﾌｨﾆﾃｨｺｰﾎﾟﾚｰｼｮﾝ</t>
  </si>
  <si>
    <t>石川商店（株）</t>
  </si>
  <si>
    <t>石川佳伸</t>
  </si>
  <si>
    <t>101-0032</t>
  </si>
  <si>
    <t>東京都千代田区岩本町１－４－５</t>
  </si>
  <si>
    <t>03-3862-0014</t>
  </si>
  <si>
    <t>ｲｼｶﾜｼｮｳﾃﾝ</t>
  </si>
  <si>
    <t>中根解体興業　中根　康貴</t>
  </si>
  <si>
    <t>252-0824</t>
  </si>
  <si>
    <t>神奈川県藤沢市打戻２４８６－３グリーンハイツ２０１</t>
  </si>
  <si>
    <t>0466-54-9428</t>
  </si>
  <si>
    <t>ﾅｶﾈｶｲﾀｲｺｳｷﾞｮｳ ﾅｶﾈ ﾔｽﾀｶ</t>
  </si>
  <si>
    <t>中根康貴</t>
  </si>
  <si>
    <t>（株）眞喜志解体興業</t>
  </si>
  <si>
    <t>眞喜志クラウデオ</t>
  </si>
  <si>
    <t>245-0062</t>
  </si>
  <si>
    <t>神奈川県横浜市戸塚区汲沢町２９１</t>
  </si>
  <si>
    <t>080-3369-3234</t>
  </si>
  <si>
    <t>ﾏｷｼｶｲﾀｲｺｳｷﾞｮｳ</t>
  </si>
  <si>
    <t>ＲＯＨＯＬＡＭＩＮＩ　ＡＳＧＨＡＲ</t>
  </si>
  <si>
    <t>208-0002</t>
  </si>
  <si>
    <t>東京都武蔵村山市神明４－１１８－４</t>
  </si>
  <si>
    <t>042-562-8116</t>
  </si>
  <si>
    <t>ﾙﾎﾙｱﾐﾆ ｱｽｶ</t>
  </si>
  <si>
    <t>ＲＯＨＯＬＡＭＩＮＩＡＳＧＨＡＲ</t>
  </si>
  <si>
    <t>（株）ＮＩＮＦＥＡ</t>
  </si>
  <si>
    <t>長峰恵子</t>
  </si>
  <si>
    <t>134-0084</t>
  </si>
  <si>
    <t>東京都江戸川区東葛西７－２－３－１１０３号</t>
  </si>
  <si>
    <t>03-5659-3822</t>
  </si>
  <si>
    <t>ﾆﾝﾌｨｱ</t>
  </si>
  <si>
    <t>（株）コイズミ</t>
  </si>
  <si>
    <t>小泉貴広</t>
  </si>
  <si>
    <t>238-0042</t>
  </si>
  <si>
    <t>神奈川県横須賀市汐入町４－９</t>
  </si>
  <si>
    <t>046-822-2597</t>
  </si>
  <si>
    <t>ｺｲｽﾞﾐ</t>
  </si>
  <si>
    <t>（株）シー・アイ・シー</t>
  </si>
  <si>
    <t>太田伸一</t>
  </si>
  <si>
    <t>370-0041</t>
  </si>
  <si>
    <t>群馬県高崎市東貝沢町１－１６－１</t>
  </si>
  <si>
    <t>027-370-1144</t>
  </si>
  <si>
    <t>ｼｰｱｲｼｰ</t>
  </si>
  <si>
    <t>神澤俊樹</t>
  </si>
  <si>
    <t>棟真（株）</t>
  </si>
  <si>
    <t>吉田在信</t>
  </si>
  <si>
    <t>123-0845</t>
  </si>
  <si>
    <t>東京都足立区西新井本町４－２０－５</t>
  </si>
  <si>
    <t>03-5809-5893</t>
  </si>
  <si>
    <t>ﾄｳﾏ</t>
  </si>
  <si>
    <t>（株）ユウキ</t>
  </si>
  <si>
    <t>諸岡真由美</t>
  </si>
  <si>
    <t>333-0847</t>
  </si>
  <si>
    <t>埼玉県川口市芝中田１－２５－３ウインベルデュエット１０３号室</t>
  </si>
  <si>
    <t>048-424-2443</t>
  </si>
  <si>
    <t>ﾕｳｷ</t>
  </si>
  <si>
    <t>栗原興業　栗原　修</t>
  </si>
  <si>
    <t>257-0022</t>
  </si>
  <si>
    <t>神奈川県秦野市小蓑毛５４</t>
  </si>
  <si>
    <t>0463-81-1472</t>
  </si>
  <si>
    <t>ｸﾘﾊﾗｺｳｷﾞｮｳ ｸﾘﾊﾗ ｵｻﾑ</t>
  </si>
  <si>
    <t>栗原修</t>
  </si>
  <si>
    <t>アイエス（株）</t>
  </si>
  <si>
    <t>イシケマル</t>
  </si>
  <si>
    <t>埼玉県川口市大字安行領根岸８５６番地</t>
  </si>
  <si>
    <t>048-437-7814</t>
  </si>
  <si>
    <t>ｱｲｴｽ</t>
  </si>
  <si>
    <t>飯田解体　飯田　竜二</t>
  </si>
  <si>
    <t>238-0032</t>
  </si>
  <si>
    <t>神奈川県横須賀市平作１－８－１２</t>
  </si>
  <si>
    <t>080-6817-4591</t>
  </si>
  <si>
    <t>ｲｲﾀﾞｶｲﾀｲ ｲｲﾀﾞ ﾘｭｳｼﾞ</t>
  </si>
  <si>
    <t>飯田竜二</t>
  </si>
  <si>
    <t>アイテック　樋田　薫</t>
  </si>
  <si>
    <t>神奈川県南足柄市塚原８２９－４</t>
  </si>
  <si>
    <t>070-4143-5988</t>
  </si>
  <si>
    <t>ｱｲﾃｯｸ ﾋﾀﾞ ｶｵﾙ</t>
  </si>
  <si>
    <t>樋田薫</t>
  </si>
  <si>
    <t>宮沢工業（株）</t>
  </si>
  <si>
    <t>宮澤憲野</t>
  </si>
  <si>
    <t>332-0032</t>
  </si>
  <si>
    <t>埼玉県川口市中青木４－１７－６</t>
  </si>
  <si>
    <t>048-446-9100</t>
  </si>
  <si>
    <t>ﾐﾔｻﾞﾜｺｳｷﾞｮｳ</t>
  </si>
  <si>
    <t>宮澤優也</t>
  </si>
  <si>
    <t>（同）誠総業</t>
  </si>
  <si>
    <t>寺下誠一</t>
  </si>
  <si>
    <t>神奈川県相模原市中央区田名６７４９</t>
  </si>
  <si>
    <t>042-763-1215</t>
  </si>
  <si>
    <t>ﾏｺﾄｿｳｷﾞｮｳ</t>
  </si>
  <si>
    <t>（株）進</t>
  </si>
  <si>
    <t>　鈴木泰二</t>
  </si>
  <si>
    <t>242-0005</t>
  </si>
  <si>
    <t>神奈川県大和市西鶴間７－１１－２９長谷川ハイツＢ１０２</t>
  </si>
  <si>
    <t>080-1576-1018</t>
  </si>
  <si>
    <t>ｼﾝ</t>
  </si>
  <si>
    <t>山﨑和彦</t>
  </si>
  <si>
    <t>（同）東洋ワークス</t>
  </si>
  <si>
    <t>　山本享</t>
  </si>
  <si>
    <t>神奈川県小田原市久野１４８</t>
  </si>
  <si>
    <t>0465-32-6700</t>
  </si>
  <si>
    <t>ﾄｳﾖｳﾜｰｸｽ</t>
  </si>
  <si>
    <t>山本享</t>
  </si>
  <si>
    <t>（株）佐藤工業</t>
  </si>
  <si>
    <t>佐藤卓也</t>
  </si>
  <si>
    <t>334-0061</t>
  </si>
  <si>
    <t>埼玉県川口市大字新堀１３０８－３</t>
  </si>
  <si>
    <t>080-1619-9840</t>
  </si>
  <si>
    <t>遠藤建業　遠藤　善男</t>
  </si>
  <si>
    <t>230-0071</t>
  </si>
  <si>
    <t>神奈川県横浜市鶴見区駒岡４－１２－８</t>
  </si>
  <si>
    <t>045-572-3015</t>
  </si>
  <si>
    <t>ｴﾝﾄﾞｳｹﾝｷﾞｮｳ ｴﾝﾄﾞｳ ﾖｼｵ</t>
  </si>
  <si>
    <t>遠藤善男</t>
  </si>
  <si>
    <t>（株）太田解体興業</t>
  </si>
  <si>
    <t>太田信宏</t>
  </si>
  <si>
    <t>192-0004</t>
  </si>
  <si>
    <t>東京都八王子市加住町２－１４４－５０</t>
  </si>
  <si>
    <t>042-696-3916</t>
  </si>
  <si>
    <t>ｵｵﾀｶｲﾀｲｺｳｷﾞｮｳ</t>
  </si>
  <si>
    <t>（株）ＯＭＡＲ</t>
  </si>
  <si>
    <t>ユゥドゥルムオマル　ファルク</t>
  </si>
  <si>
    <t>334-0075</t>
  </si>
  <si>
    <t>埼玉県川口市江戸袋１－５－２１</t>
  </si>
  <si>
    <t>048-211-8109</t>
  </si>
  <si>
    <t>ｵﾏﾙ</t>
  </si>
  <si>
    <t>ユゥドゥルム沙織</t>
  </si>
  <si>
    <t>リベラル（株）</t>
  </si>
  <si>
    <t>齊藤茂人</t>
  </si>
  <si>
    <t>241-0822</t>
  </si>
  <si>
    <t>神奈川県横浜市旭区さちが丘１４１－４</t>
  </si>
  <si>
    <t>045-744-9500</t>
  </si>
  <si>
    <t>ﾘﾍﾞﾗﾙ</t>
  </si>
  <si>
    <t>齋藤茂人</t>
  </si>
  <si>
    <t>（有）常陸環境</t>
  </si>
  <si>
    <t>土屋仁</t>
  </si>
  <si>
    <t>236-0003</t>
  </si>
  <si>
    <t>神奈川県横浜市金沢区幸浦１－１５－２８</t>
  </si>
  <si>
    <t>045-774-1880</t>
  </si>
  <si>
    <t>ﾋﾀﾁｶﾝｷｮｳ</t>
  </si>
  <si>
    <t>渡辺　信次</t>
  </si>
  <si>
    <t>252-1125</t>
  </si>
  <si>
    <t>神奈川県綾瀬市吉岡東１－４－２１</t>
  </si>
  <si>
    <t>080-2567-9934</t>
  </si>
  <si>
    <t>ﾜﾀﾅﾍﾞ ｼﾝｼﾞ</t>
  </si>
  <si>
    <t>渡辺信次</t>
  </si>
  <si>
    <t>（有）富士土木興業</t>
  </si>
  <si>
    <t>鈴木直樹</t>
  </si>
  <si>
    <t>223-0064</t>
  </si>
  <si>
    <t>神奈川県横浜市港北区下田町５－３２－２７</t>
  </si>
  <si>
    <t>045-563-8309</t>
  </si>
  <si>
    <t>ﾌｼﾞﾄﾞﾎﾞｸｺｳｷﾞｮｳ</t>
  </si>
  <si>
    <t>篠原解体興業　篠原　明弘</t>
  </si>
  <si>
    <t>240-0024</t>
  </si>
  <si>
    <t>神奈川県横浜市保土ケ谷区瀬戸ケ谷町７１－３３－２０１</t>
  </si>
  <si>
    <t>045-262-1458</t>
  </si>
  <si>
    <t>ｼﾉﾊﾗｶｲﾀｲｺｳｷﾞｮｳ ｼﾉﾊﾗ ｱｷﾋﾛ</t>
  </si>
  <si>
    <t>篠原明弘</t>
  </si>
  <si>
    <t>ＴＯＫ　太田　智之</t>
  </si>
  <si>
    <t>244-0804</t>
  </si>
  <si>
    <t>神奈川県横浜市戸塚区前田町１９８－１－３１０</t>
  </si>
  <si>
    <t>045-900-1333</t>
  </si>
  <si>
    <t>ﾃｨｰｵｰｹｰ ｵｵﾀ ﾄﾓﾕｷ</t>
  </si>
  <si>
    <t>太田智之</t>
  </si>
  <si>
    <t>（株）森田興業</t>
  </si>
  <si>
    <t>森田武</t>
  </si>
  <si>
    <t>251-0001</t>
  </si>
  <si>
    <t>神奈川県藤沢市西富２－１８－６</t>
  </si>
  <si>
    <t>0466-22-1358</t>
  </si>
  <si>
    <t>ﾓﾘﾀｺｳｷﾞｮｳ</t>
  </si>
  <si>
    <t>（有）高橋総業</t>
  </si>
  <si>
    <t>高橋雅光</t>
  </si>
  <si>
    <t>411-0911</t>
  </si>
  <si>
    <t>静岡県駿東郡清水町久米田４５－１</t>
  </si>
  <si>
    <t>055-976-0925</t>
  </si>
  <si>
    <t>ﾀｶﾊｼｿｳｷﾞｮｳ</t>
  </si>
  <si>
    <t>（株）日伯建設</t>
  </si>
  <si>
    <t>上田マリオ　ミシェル</t>
  </si>
  <si>
    <t>252-0822</t>
  </si>
  <si>
    <t>神奈川県藤沢市葛原１６６２－２</t>
  </si>
  <si>
    <t>0466-90-4489</t>
  </si>
  <si>
    <t>ﾆｯﾊﾟｸｹﾝｾﾂ</t>
  </si>
  <si>
    <t>（株）くさなぎ解体</t>
  </si>
  <si>
    <t>草薙太一</t>
  </si>
  <si>
    <t>354-0044</t>
  </si>
  <si>
    <t>埼玉県入間郡三芳町北永井８４３－３６</t>
  </si>
  <si>
    <t>0429-90-9400</t>
  </si>
  <si>
    <t>ｸｻﾅｷﾞｶｲﾀｲ</t>
  </si>
  <si>
    <t>（株）テクノ商事</t>
  </si>
  <si>
    <t>ウォンサ・ソンポン</t>
  </si>
  <si>
    <t>神奈川県厚木市山際５９４－１１</t>
  </si>
  <si>
    <t>046-281-7930</t>
  </si>
  <si>
    <t>ﾃｸﾉｼｮｳｼﾞ</t>
  </si>
  <si>
    <t>日本総合住宅（株）</t>
  </si>
  <si>
    <t>桐山茂</t>
  </si>
  <si>
    <t>247-0006</t>
  </si>
  <si>
    <t>神奈川県横浜市栄区笠間２－１０－２－１０１</t>
  </si>
  <si>
    <t>090-8057-5696</t>
  </si>
  <si>
    <t>ﾆﾎﾝｿｳｺﾞｳｼﾞｭﾀｸ</t>
  </si>
  <si>
    <t>（株）山田興業</t>
  </si>
  <si>
    <t>山田健寛</t>
  </si>
  <si>
    <t>239-0842</t>
  </si>
  <si>
    <t>神奈川県横須賀市長沢６－３９－１</t>
  </si>
  <si>
    <t>046-876-6216</t>
  </si>
  <si>
    <t>ﾔﾏﾀﾞｺｳｷﾞｮｳ</t>
  </si>
  <si>
    <t>（有）小松解体工業</t>
  </si>
  <si>
    <t>小松好幸</t>
  </si>
  <si>
    <t>411-0046</t>
  </si>
  <si>
    <t>静岡県三島市芙蓉台３－１１－７</t>
  </si>
  <si>
    <t>055-987-6335</t>
  </si>
  <si>
    <t>ｺﾏﾂｶｲﾀｲｺｳｷﾞｮｳ</t>
  </si>
  <si>
    <t>小松秀成</t>
  </si>
  <si>
    <t>（株）Ｙ’ｓ．Ｃｒｅｗ</t>
  </si>
  <si>
    <t>　平田勇気</t>
  </si>
  <si>
    <t>252-0815</t>
  </si>
  <si>
    <t>神奈川県藤沢市石川５－２１－１０</t>
  </si>
  <si>
    <t>0466-86-5136</t>
  </si>
  <si>
    <t>ﾜｲｽﾞｸﾙｰ</t>
  </si>
  <si>
    <t>平田勇気</t>
  </si>
  <si>
    <t>（株）ジャン興業</t>
  </si>
  <si>
    <t>コルレル・エルジャン</t>
  </si>
  <si>
    <t>336-0926</t>
  </si>
  <si>
    <t>埼玉県さいたま市緑区東浦和８－９－１</t>
  </si>
  <si>
    <t>048-607-0594</t>
  </si>
  <si>
    <t>ｼﾞｬﾝｺｳｷﾞｮｳ</t>
  </si>
  <si>
    <t>（有）トモナ建設</t>
  </si>
  <si>
    <t>齋藤智行</t>
  </si>
  <si>
    <t>133-0051</t>
  </si>
  <si>
    <t>東京都江戸川区北小岩８－２６－１</t>
  </si>
  <si>
    <t>03-3673-5856</t>
  </si>
  <si>
    <t>ﾄﾓﾅｹﾝｾﾂ</t>
  </si>
  <si>
    <t>（株）ＤＳＫ</t>
  </si>
  <si>
    <t>　ドテモト・グロリア・アドビエ</t>
  </si>
  <si>
    <t>214-0038</t>
  </si>
  <si>
    <t>神奈川県川崎市多摩区生田２－１５－１０</t>
  </si>
  <si>
    <t>044-819-8830</t>
  </si>
  <si>
    <t>ﾃﾞｨｰｴｽｹｰ</t>
  </si>
  <si>
    <t>土手本國彦</t>
  </si>
  <si>
    <t>（株）ＲＭ工業</t>
  </si>
  <si>
    <t>村山良太</t>
  </si>
  <si>
    <t>241-0802</t>
  </si>
  <si>
    <t>神奈川県横浜市旭区上川井町９０３－１５</t>
  </si>
  <si>
    <t>045-744-6196</t>
  </si>
  <si>
    <t>ｱｰﾙｴﾑｺｳｷﾞｮｳ</t>
  </si>
  <si>
    <t>（株）榮建設</t>
  </si>
  <si>
    <t>小林肇</t>
  </si>
  <si>
    <t>東京都足立区西新井本町２－７－９</t>
  </si>
  <si>
    <t>03-5809-4630</t>
  </si>
  <si>
    <t>ｻｶｴｹﾝｾﾂ</t>
  </si>
  <si>
    <t>（株）相新工業</t>
  </si>
  <si>
    <t>　畑野蓮</t>
  </si>
  <si>
    <t>神奈川県横浜市緑区三保町９７０－２</t>
  </si>
  <si>
    <t>045-954-1785</t>
  </si>
  <si>
    <t>ｿｳｼﾝｺｳｷﾞｮｳ</t>
  </si>
  <si>
    <t>中島知昭</t>
  </si>
  <si>
    <t>友輝建設（株）</t>
  </si>
  <si>
    <t>大田原孝行</t>
  </si>
  <si>
    <t>246-0013</t>
  </si>
  <si>
    <t>神奈川県横浜市瀬谷区相沢１－１５－９</t>
  </si>
  <si>
    <t>045-301-5000</t>
  </si>
  <si>
    <t>ﾕｳｷｹﾝｾﾂ</t>
  </si>
  <si>
    <t>長坂忠</t>
  </si>
  <si>
    <t>（株）未来商事</t>
  </si>
  <si>
    <t>張洪鵬</t>
  </si>
  <si>
    <t>神奈川県藤沢市長後１３１７－５</t>
  </si>
  <si>
    <t>0466-77-0447</t>
  </si>
  <si>
    <t>ﾐﾗｲｼｮｳｼﾞ</t>
  </si>
  <si>
    <t>（株）中谷工業</t>
  </si>
  <si>
    <t>佐藤武</t>
  </si>
  <si>
    <t>125-0041</t>
  </si>
  <si>
    <t>東京都葛飾区東金町５－３９－３</t>
  </si>
  <si>
    <t>03-5660-3805</t>
  </si>
  <si>
    <t>ﾅｶﾔｺｳｷﾞｮｳ</t>
  </si>
  <si>
    <t>白駒興業　白駒　典嗣</t>
  </si>
  <si>
    <t>234-0054</t>
  </si>
  <si>
    <t>神奈川県横浜市港南区港南台２－７－３０</t>
  </si>
  <si>
    <t>045-515-1005</t>
  </si>
  <si>
    <t>ｼﾛｺﾏｺｳｷﾞｮｳ ｼﾛｺﾏ ﾉﾘﾂｸﾞ</t>
  </si>
  <si>
    <t>白駒典嗣</t>
  </si>
  <si>
    <t>（株）ロビン</t>
  </si>
  <si>
    <t>エグリボルカン</t>
  </si>
  <si>
    <t>171-0022</t>
  </si>
  <si>
    <t>東京都豊島区南池袋２－４９－７池袋パークビル１Ｆ</t>
  </si>
  <si>
    <t>03-4546-1730</t>
  </si>
  <si>
    <t>ﾛﾋﾞﾝ</t>
  </si>
  <si>
    <t>（株）アリン</t>
  </si>
  <si>
    <t>サグラムマムト</t>
  </si>
  <si>
    <t>埼玉県川口市大字道合９５３－２</t>
  </si>
  <si>
    <t>048-423-9918</t>
  </si>
  <si>
    <t>ｱﾘﾝ</t>
  </si>
  <si>
    <t>（株）ＷＥＳＴ</t>
  </si>
  <si>
    <t>西森雅虎</t>
  </si>
  <si>
    <t>206-0802</t>
  </si>
  <si>
    <t>東京都稲城市東長沼２１１０－５</t>
  </si>
  <si>
    <t>080-1927-2929</t>
  </si>
  <si>
    <t>ｳｴｽﾄ</t>
  </si>
  <si>
    <t>（株）タイフーン</t>
  </si>
  <si>
    <t>タシティフィキ</t>
  </si>
  <si>
    <t>埼玉県川口市大字道合１０８５－３</t>
  </si>
  <si>
    <t>048-278-5019</t>
  </si>
  <si>
    <t>ﾀｲﾌｰﾝ</t>
  </si>
  <si>
    <t>（株）ＰＲＯＵＤ</t>
  </si>
  <si>
    <t>　瀬戸武</t>
  </si>
  <si>
    <t>121-0831</t>
  </si>
  <si>
    <t>東京都足立区舎人２－９－１－３０５</t>
  </si>
  <si>
    <t>03-5647-0771</t>
  </si>
  <si>
    <t>ﾌﾟﾗｳﾄﾞ</t>
  </si>
  <si>
    <t>瀬戸武</t>
  </si>
  <si>
    <t>トライアル（株）</t>
  </si>
  <si>
    <t>岩田大介</t>
  </si>
  <si>
    <t>239-0833</t>
  </si>
  <si>
    <t>神奈川県横須賀市ハイランド１－４４－７</t>
  </si>
  <si>
    <t>046-897-3384</t>
  </si>
  <si>
    <t>ﾄﾗｲｱﾙ</t>
  </si>
  <si>
    <t>田尻陽介</t>
  </si>
  <si>
    <t>（株）ＴＳＫ</t>
  </si>
  <si>
    <t>佐々木隆幸</t>
  </si>
  <si>
    <t>144-0033</t>
  </si>
  <si>
    <t>東京都大田区東糀谷２－１１－１０メゾンセイガ１０１</t>
  </si>
  <si>
    <t>03-3741-1060</t>
  </si>
  <si>
    <t>ﾃｨｴｽｹｲ</t>
  </si>
  <si>
    <t>良組（株）</t>
  </si>
  <si>
    <t>渡辺良</t>
  </si>
  <si>
    <t>神奈川県横浜市泉区上飯田町２４４１－８</t>
  </si>
  <si>
    <t>045-294-9581</t>
  </si>
  <si>
    <t>ﾘｮｳｸﾞﾐ</t>
  </si>
  <si>
    <t>Ｓｍａｒｔ　ｏｎ　砂川　正人</t>
  </si>
  <si>
    <t>216-0002</t>
  </si>
  <si>
    <t>神奈川県川崎市宮前区東有馬１－８－１２ヴィラアニマーレ２０２</t>
  </si>
  <si>
    <t>044-872-8568</t>
  </si>
  <si>
    <t>ｽﾏｰﾄ ｵﾝ ｽﾅｶﾜ ﾏｻﾄ</t>
  </si>
  <si>
    <t>砂川正人</t>
  </si>
  <si>
    <t>（株）加藤建設</t>
  </si>
  <si>
    <t>加藤孔雄</t>
  </si>
  <si>
    <t>東京都江戸川区北小岩５－２－９</t>
  </si>
  <si>
    <t>03-6657-9290</t>
  </si>
  <si>
    <t>ｶﾄｳｹﾝｾﾂ</t>
  </si>
  <si>
    <t>秋谷　勇輝</t>
  </si>
  <si>
    <t>226-0021</t>
  </si>
  <si>
    <t>神奈川県横浜市緑区北八朔町２１９４市営北八朔住宅２－３０５</t>
  </si>
  <si>
    <t>080-3488-7938</t>
  </si>
  <si>
    <t>ｱｷﾔ ﾕｳｷ</t>
  </si>
  <si>
    <t>秋谷勇輝</t>
  </si>
  <si>
    <t>（株）辰巳工業</t>
  </si>
  <si>
    <t>　楠木信也</t>
  </si>
  <si>
    <t>340-0034</t>
  </si>
  <si>
    <t>埼玉県草加市氷川町２１０４－１７グランドハイツ氷川１００１号</t>
  </si>
  <si>
    <t>048-915-7360</t>
  </si>
  <si>
    <t>ﾀﾂﾐｺｳｷﾞｮｳ</t>
  </si>
  <si>
    <t>楠木信也</t>
  </si>
  <si>
    <t>弘英産業（株）</t>
  </si>
  <si>
    <t>片瀬鉄平</t>
  </si>
  <si>
    <t>135-0022</t>
  </si>
  <si>
    <t>東京都江東区三好４－６－２弘英ビル４階</t>
  </si>
  <si>
    <t>03-5620-3888</t>
  </si>
  <si>
    <t>ｺｳｴｲｻﾝｷﾞｮｳ</t>
  </si>
  <si>
    <t>大石将弘</t>
  </si>
  <si>
    <t>（株）神奈川総業</t>
  </si>
  <si>
    <t>渡邉純一</t>
  </si>
  <si>
    <t>257-0014</t>
  </si>
  <si>
    <t>神奈川県秦野市今泉１１６６－１</t>
  </si>
  <si>
    <t>0463-72-7956</t>
  </si>
  <si>
    <t>ｶﾅｶﾞﾜｿｳｷﾞｮｳ</t>
  </si>
  <si>
    <t>益興産業（株）</t>
  </si>
  <si>
    <t>　張本隆史</t>
  </si>
  <si>
    <t>245-0063</t>
  </si>
  <si>
    <t>神奈川県横浜市戸塚区原宿３－４１－９</t>
  </si>
  <si>
    <t>045-299-2545</t>
  </si>
  <si>
    <t>ｴｲｺｳｻﾝｷﾞｮｳ</t>
  </si>
  <si>
    <t>張本隆史</t>
  </si>
  <si>
    <t>（株）解進</t>
  </si>
  <si>
    <t>奥村英司</t>
  </si>
  <si>
    <t>262-0044</t>
  </si>
  <si>
    <t>千葉県千葉市花見川区長作町１７２６－１</t>
  </si>
  <si>
    <t>043-239-7632</t>
  </si>
  <si>
    <t>ｶｲｼﾝ</t>
  </si>
  <si>
    <t>青山亮輔</t>
  </si>
  <si>
    <t>（同）サン・アールト</t>
  </si>
  <si>
    <t>小山雄太</t>
  </si>
  <si>
    <t>252-0003</t>
  </si>
  <si>
    <t>神奈川県座間市ひばりが丘５－２－１</t>
  </si>
  <si>
    <t>046-784-8403</t>
  </si>
  <si>
    <t>ｻﾝｱｰﾙﾄ</t>
  </si>
  <si>
    <t>（株）青木</t>
  </si>
  <si>
    <t>ギュルムラト</t>
  </si>
  <si>
    <t>333-0833</t>
  </si>
  <si>
    <t>埼玉県川口市大字西新井宿７８２－３</t>
  </si>
  <si>
    <t>048-291-9619</t>
  </si>
  <si>
    <t>ｱｵｷ</t>
  </si>
  <si>
    <t>（株）ＪＡＮ　ＳＴＡＲ</t>
  </si>
  <si>
    <t>ＯＫＬＵＫＳＩＲＲＩ</t>
  </si>
  <si>
    <t>343-0852</t>
  </si>
  <si>
    <t>埼玉県越谷市新川町２－３４５－１</t>
  </si>
  <si>
    <t>048-915-7636</t>
  </si>
  <si>
    <t>ｼﾞｬﾝｽﾀｰ</t>
  </si>
  <si>
    <t>（株）イノベーション</t>
  </si>
  <si>
    <t>　長尾光</t>
  </si>
  <si>
    <t>236-0051</t>
  </si>
  <si>
    <t>神奈川県横浜市金沢区富岡東１－５２－２５－８０２号</t>
  </si>
  <si>
    <t>045-442-7638</t>
  </si>
  <si>
    <t>ｲﾉﾍﾞｰｼｮﾝ</t>
  </si>
  <si>
    <t>長尾光</t>
  </si>
  <si>
    <t>ＣＯ　ＴＡＯ　内田　貴久</t>
  </si>
  <si>
    <t>251-0861</t>
  </si>
  <si>
    <t>神奈川県藤沢市大庭５６８３－１５駒寄２２－２０７</t>
  </si>
  <si>
    <t>0466-76-6306</t>
  </si>
  <si>
    <t>ｺ ﾀｵ ｳﾁﾀﾞ ﾀｶﾋｻ</t>
  </si>
  <si>
    <t>内田貴久</t>
  </si>
  <si>
    <t>（株）久保工業</t>
  </si>
  <si>
    <t>久保博樹</t>
  </si>
  <si>
    <t>神奈川県横浜市港北区下田町５－４１－３０－１号</t>
  </si>
  <si>
    <t>090-3505-0826</t>
  </si>
  <si>
    <t>ｸﾎﾞｺｳｷﾞｮｳ</t>
  </si>
  <si>
    <t>ヤハタ解体　上谷　富広</t>
  </si>
  <si>
    <t>神奈川県小田原市小八幡４－４－２</t>
  </si>
  <si>
    <t>0465-48-6504</t>
  </si>
  <si>
    <t>ﾔﾊﾀｶｲﾀｲ ｼﾞｮｳﾀﾆ ﾄﾐﾋﾛ</t>
  </si>
  <si>
    <t>上谷富広</t>
  </si>
  <si>
    <t>（株）ＯＭＵＲＡ</t>
  </si>
  <si>
    <t>　大村和一</t>
  </si>
  <si>
    <t>252-0802</t>
  </si>
  <si>
    <t>神奈川県藤沢市高倉６８４－１パレステージ長後２０６号</t>
  </si>
  <si>
    <t>0466-98-1027</t>
  </si>
  <si>
    <t>ｵｵﾑﾗ</t>
  </si>
  <si>
    <t>大村和一</t>
  </si>
  <si>
    <t>飛鳥田工業　河本　哲也</t>
  </si>
  <si>
    <t>243-0423</t>
  </si>
  <si>
    <t>神奈川県海老名市今里３－２３－１２</t>
  </si>
  <si>
    <t>046-232-5726</t>
  </si>
  <si>
    <t>ｱｽｶﾀｺｳｷﾞｮｳ ｶﾜﾓﾄ ﾃﾂﾔ</t>
  </si>
  <si>
    <t>河本哲也</t>
  </si>
  <si>
    <t>（株）ＧＹ興業</t>
  </si>
  <si>
    <t>　郷勝敏</t>
  </si>
  <si>
    <t>340-0812</t>
  </si>
  <si>
    <t>埼玉県八潮市大字中馬場４４－１３</t>
  </si>
  <si>
    <t>048-999-5309</t>
  </si>
  <si>
    <t>ｼﾞｰﾜｲｺｳｷﾞｮｳ</t>
  </si>
  <si>
    <t>郷勝敏</t>
  </si>
  <si>
    <t>（株）スズキ興業</t>
  </si>
  <si>
    <t>ウチャルメティン</t>
  </si>
  <si>
    <t>333-0842</t>
  </si>
  <si>
    <t>埼玉県川口市前川２－３－１１</t>
  </si>
  <si>
    <t>048-212-9043</t>
  </si>
  <si>
    <t>＊岡　啓一片の異体字</t>
  </si>
  <si>
    <t>（同）成功興業</t>
  </si>
  <si>
    <t>　清水美奈</t>
  </si>
  <si>
    <t>333-0868</t>
  </si>
  <si>
    <t>埼玉県川口市芝高木１－４－１５ＳＹハイツ１０１号</t>
  </si>
  <si>
    <t>048-291-2355</t>
  </si>
  <si>
    <t>ｾｲｺｳｺｳｷﾞｮｳ</t>
  </si>
  <si>
    <t>清水美奈</t>
  </si>
  <si>
    <t>赤田未来工業（株）</t>
  </si>
  <si>
    <t>赤田大輔</t>
  </si>
  <si>
    <t>193-0835</t>
  </si>
  <si>
    <t>東京都八王子市千人町１－６－２瀧野ビル６階</t>
  </si>
  <si>
    <t>042-673-6424</t>
  </si>
  <si>
    <t>ｱｶﾀﾞﾐﾗｲｺｳｷﾞｮｳ</t>
  </si>
  <si>
    <t>（株）大信商事</t>
  </si>
  <si>
    <t>　加信潤一</t>
  </si>
  <si>
    <t>258-0015</t>
  </si>
  <si>
    <t>神奈川県足柄上郡大井町山田字向山２０２６－１</t>
  </si>
  <si>
    <t>0465-46-7461</t>
  </si>
  <si>
    <t>ﾀﾞｲｼﾝｼｮｳｼﾞ</t>
  </si>
  <si>
    <t>加信潤一</t>
  </si>
  <si>
    <t>（株）松建工業</t>
  </si>
  <si>
    <t>岡田亮一</t>
  </si>
  <si>
    <t>340-0033</t>
  </si>
  <si>
    <t>埼玉県草加市柳島町４７４－５</t>
  </si>
  <si>
    <t>048-945-1153</t>
  </si>
  <si>
    <t>ﾏﾂｹﾝｺｳｷﾞｮｳ</t>
  </si>
  <si>
    <t>（株）大樹</t>
  </si>
  <si>
    <t>　青栁大樹</t>
  </si>
  <si>
    <t>343-0845</t>
  </si>
  <si>
    <t>埼玉県越谷市南越谷４－１１－１１信栄ビル４階</t>
  </si>
  <si>
    <t>048-940-1555</t>
  </si>
  <si>
    <t>ﾀﾞｲｼﾞｭ</t>
  </si>
  <si>
    <t>青栁大樹</t>
  </si>
  <si>
    <t>（株）イワナカコーポレーション</t>
  </si>
  <si>
    <t>　岩中賢次</t>
  </si>
  <si>
    <t>191-0034</t>
  </si>
  <si>
    <t>東京都日野市落川６０８－３</t>
  </si>
  <si>
    <t>042-507-4886</t>
  </si>
  <si>
    <t>ｲﾜﾅｶｺｰﾎﾟﾚｰｼｮﾝ</t>
  </si>
  <si>
    <t>岩中賢次</t>
  </si>
  <si>
    <t>（有）アイプロジェクト</t>
  </si>
  <si>
    <t>奥村和史</t>
  </si>
  <si>
    <t>251-0002</t>
  </si>
  <si>
    <t>神奈川県藤沢市大鋸１０８８－２－３０６</t>
  </si>
  <si>
    <t>0466-47-4871</t>
  </si>
  <si>
    <t>ｱｲﾌﾟﾛｼﾞｪｸﾄ</t>
  </si>
  <si>
    <t>南米解体（株）</t>
  </si>
  <si>
    <t>リベラサンドロ</t>
  </si>
  <si>
    <t>245-0067</t>
  </si>
  <si>
    <t>神奈川県横浜市戸塚区深谷町１９３７－１</t>
  </si>
  <si>
    <t>045-858-5606</t>
  </si>
  <si>
    <t>ﾅﾝﾍﾞｲｶｲﾀｲ</t>
  </si>
  <si>
    <t>曽根解体　曽根　孝夫</t>
  </si>
  <si>
    <t>神奈川県海老名市河原口２－２－２４</t>
  </si>
  <si>
    <t>080-6868-5590</t>
  </si>
  <si>
    <t>ｿﾈｶｲﾀｲ ｿﾈ ﾀｶｵ</t>
  </si>
  <si>
    <t>曽根孝夫</t>
  </si>
  <si>
    <t>（株）トラスト</t>
  </si>
  <si>
    <t>キズリメハメット</t>
  </si>
  <si>
    <t>333-0863</t>
  </si>
  <si>
    <t>埼玉県川口市在家町２６－３２Ｆ２</t>
  </si>
  <si>
    <t>080-4169-8247</t>
  </si>
  <si>
    <t>ﾄﾗｽﾄ</t>
  </si>
  <si>
    <t>三浦総業（株）</t>
  </si>
  <si>
    <t>三浦裕貴</t>
  </si>
  <si>
    <t>178-0061</t>
  </si>
  <si>
    <t>東京都練馬区大泉学園町８－１９－５</t>
  </si>
  <si>
    <t>03-6324-8950</t>
  </si>
  <si>
    <t>ﾐｳﾗｿｳｷﾞｮｳ</t>
  </si>
  <si>
    <t>寺尾　明</t>
  </si>
  <si>
    <t>123-0852</t>
  </si>
  <si>
    <t>東京都足立区関原２－３６－３－４０３</t>
  </si>
  <si>
    <t>03-3889-1997</t>
  </si>
  <si>
    <t>ﾃﾗｵ ｱｷﾗ</t>
  </si>
  <si>
    <t>寺尾明</t>
  </si>
  <si>
    <t>角谷総業（株）</t>
  </si>
  <si>
    <t>角谷優</t>
  </si>
  <si>
    <t>234-0051</t>
  </si>
  <si>
    <t>神奈川県横浜市港南区日野９－４４－２０　２Ｆ</t>
  </si>
  <si>
    <t>045-349-5321</t>
  </si>
  <si>
    <t>ｶﾄﾞﾔｿｳｷﾞｮｳ</t>
  </si>
  <si>
    <t>（株）Ｈｅｉｓｅｉコーポレーション</t>
  </si>
  <si>
    <t>齋藤まなみ</t>
  </si>
  <si>
    <t>333-0849</t>
  </si>
  <si>
    <t>埼玉県川口市本前川１－３０－２５ニューウェルＡ１０３</t>
  </si>
  <si>
    <t>048-278-4661</t>
  </si>
  <si>
    <t>ﾍｲｾｲｺｰﾎﾟﾚｰｼｮﾝ</t>
  </si>
  <si>
    <t>カラクラクアリ</t>
  </si>
  <si>
    <t>（株）ホームファクター</t>
  </si>
  <si>
    <t>坂田義雄</t>
  </si>
  <si>
    <t>189-0013</t>
  </si>
  <si>
    <t>東京都東村山市栄町３－１１－９ウモーレ・久米川５０１</t>
  </si>
  <si>
    <t>042-313-0869</t>
  </si>
  <si>
    <t>ﾎｰﾑﾌｧｸﾀｰ</t>
  </si>
  <si>
    <t>（株）ＭＩＹＡＢＩ</t>
  </si>
  <si>
    <t>曽根雅宏</t>
  </si>
  <si>
    <t>東京都足立区南花畑４－３２－１０</t>
  </si>
  <si>
    <t>03-5856-7972</t>
  </si>
  <si>
    <t>ﾐﾔﾋﾞ</t>
  </si>
  <si>
    <t>秦智博</t>
  </si>
  <si>
    <t>アット・ビー（株）</t>
  </si>
  <si>
    <t>池田藍</t>
  </si>
  <si>
    <t>240-0112</t>
  </si>
  <si>
    <t>神奈川県三浦郡葉山町堀内７４４－７</t>
  </si>
  <si>
    <t>046-876-8957</t>
  </si>
  <si>
    <t>ｱｯﾄﾋﾞｰ</t>
  </si>
  <si>
    <t>林間工業（株）</t>
  </si>
  <si>
    <t>吉田アルベルト</t>
  </si>
  <si>
    <t>242-0003</t>
  </si>
  <si>
    <t>神奈川県大和市林間１－７－２１</t>
  </si>
  <si>
    <t>046-216-8214</t>
  </si>
  <si>
    <t>ﾘﾝｶﾝｺｳｷﾞｮｳ</t>
  </si>
  <si>
    <t>宮城ディエゴマルティン</t>
  </si>
  <si>
    <t>Ａｒｋ　関谷　卓矢</t>
  </si>
  <si>
    <t>252-0217</t>
  </si>
  <si>
    <t>神奈川県相模原市中央区小町通１－３－２２－２０２</t>
  </si>
  <si>
    <t>090-4701-1220</t>
  </si>
  <si>
    <t>ｱｰｸ ｾｷﾔ ﾀｸﾔ</t>
  </si>
  <si>
    <t>関谷卓矢</t>
  </si>
  <si>
    <t>（株）シゲマツ</t>
  </si>
  <si>
    <t>　重松省次</t>
  </si>
  <si>
    <t>神奈川県愛甲郡愛川町半原２９２２－１１</t>
  </si>
  <si>
    <t>046-258-9822</t>
  </si>
  <si>
    <t>ｼｹﾞﾏﾂ</t>
  </si>
  <si>
    <t>デ　ソウザ　オヤガワジェフェルソン</t>
  </si>
  <si>
    <t>（有）美和産業</t>
  </si>
  <si>
    <t>松永光利</t>
  </si>
  <si>
    <t>230-0002</t>
  </si>
  <si>
    <t>神奈川県横浜市鶴見区江ケ崎町７－１０</t>
  </si>
  <si>
    <t>045-571-4004</t>
  </si>
  <si>
    <t>ﾐﾜｻﾝｷﾞｮｳ</t>
  </si>
  <si>
    <t>（株）明神</t>
  </si>
  <si>
    <t>前田浩二</t>
  </si>
  <si>
    <t>東京都武蔵村山市神明２－１７－５</t>
  </si>
  <si>
    <t>042-562-3840</t>
  </si>
  <si>
    <t>ﾒｲｼﾝ</t>
  </si>
  <si>
    <t>（株）公裕工業</t>
  </si>
  <si>
    <t>平井裕介</t>
  </si>
  <si>
    <t>250-0031</t>
  </si>
  <si>
    <t>神奈川県小田原市入生田１８８</t>
  </si>
  <si>
    <t>0465-20-9969</t>
  </si>
  <si>
    <t>ｺｳﾕｳｺｳｷﾞｮｳ</t>
  </si>
  <si>
    <t>（株）リード解体工業</t>
  </si>
  <si>
    <t>金子力</t>
  </si>
  <si>
    <t>333-0823</t>
  </si>
  <si>
    <t>埼玉県川口市大字石神３４０－２３</t>
  </si>
  <si>
    <t>048-299-8992</t>
  </si>
  <si>
    <t>ﾘｰﾄﾞｶｲﾀｲｺｳｷﾞｮｳ</t>
  </si>
  <si>
    <t>ファム　フークォック</t>
  </si>
  <si>
    <t>（株）アルファ東京</t>
  </si>
  <si>
    <t>　前山容一</t>
  </si>
  <si>
    <t>116-0013</t>
  </si>
  <si>
    <t>東京都荒川区西日暮里２－５３－１田中ビル１０１</t>
  </si>
  <si>
    <t>03-5850-4567</t>
  </si>
  <si>
    <t>ｱﾙﾌｧﾄｳｷｮｳ</t>
  </si>
  <si>
    <t>川邉敬介</t>
  </si>
  <si>
    <t>（株）煌絆</t>
  </si>
  <si>
    <t>関屋博孝</t>
  </si>
  <si>
    <t>253-0105</t>
  </si>
  <si>
    <t>神奈川県高座郡寒川町岡田４－７－５０</t>
  </si>
  <si>
    <t>0467-50-0992</t>
  </si>
  <si>
    <t>ｺｳｷ</t>
  </si>
  <si>
    <t>（株）ＤＭＮ</t>
  </si>
  <si>
    <t>　西森智幸</t>
  </si>
  <si>
    <t>352-0025</t>
  </si>
  <si>
    <t>埼玉県新座市片山３－５－３</t>
  </si>
  <si>
    <t>048-202-1724</t>
  </si>
  <si>
    <t>ﾃﾞｨｰｴﾑｴﾇ</t>
  </si>
  <si>
    <t>西森智幸</t>
  </si>
  <si>
    <t>（有）ハックルベリー</t>
  </si>
  <si>
    <t>宮嵜憲治</t>
  </si>
  <si>
    <t>252-0116</t>
  </si>
  <si>
    <t>神奈川県相模原市緑区城山４－２－１０</t>
  </si>
  <si>
    <t>042-782-7700</t>
  </si>
  <si>
    <t>ﾊｯｸﾙﾍﾞﾘｰ</t>
  </si>
  <si>
    <t>（有）大椛解体</t>
  </si>
  <si>
    <t>大椛靖</t>
  </si>
  <si>
    <t>247-0033</t>
  </si>
  <si>
    <t>神奈川県横浜市栄区桂台南１－７－２０</t>
  </si>
  <si>
    <t>045-896-0581</t>
  </si>
  <si>
    <t>ｵｵﾅｷﾞｶｲﾀｲ</t>
  </si>
  <si>
    <t>（株）井上興業</t>
  </si>
  <si>
    <t>井上貴章</t>
  </si>
  <si>
    <t>134-0083</t>
  </si>
  <si>
    <t>東京都江戸川区中葛西１－４９－１１</t>
  </si>
  <si>
    <t>03-6808-2193</t>
  </si>
  <si>
    <t>ｲﾉｳｴｺｳｷﾞｮｳ</t>
  </si>
  <si>
    <t>相模緑産開発　杉浦　栄一</t>
  </si>
  <si>
    <t>252-0004</t>
  </si>
  <si>
    <t>神奈川県座間市東原１－８－９</t>
  </si>
  <si>
    <t>046-252-0988</t>
  </si>
  <si>
    <t>ｻｶﾞﾐﾘｮｸｻﾝｶｲﾊﾂ ｽｷﾞｳﾗ ｴｲｲﾁ</t>
  </si>
  <si>
    <t>杉浦栄一</t>
  </si>
  <si>
    <t>（株）拓将</t>
  </si>
  <si>
    <t>　柏木拓也</t>
  </si>
  <si>
    <t>224-0045</t>
  </si>
  <si>
    <t>神奈川県横浜市都筑区東方町８８８</t>
  </si>
  <si>
    <t>045-563-4981</t>
  </si>
  <si>
    <t>柏木拓也</t>
  </si>
  <si>
    <t>（株）ダイヤアシスト</t>
  </si>
  <si>
    <t>　坂本比呂子</t>
  </si>
  <si>
    <t>215-0024</t>
  </si>
  <si>
    <t>神奈川県川崎市麻生区白鳥４－９－１９</t>
  </si>
  <si>
    <t>044-328-5091</t>
  </si>
  <si>
    <t>ﾀﾞｲﾔｱｼｽﾄ</t>
  </si>
  <si>
    <t>上岡博司</t>
  </si>
  <si>
    <t>（株）ＦＲＰカジ</t>
  </si>
  <si>
    <t>　瀬戸正志</t>
  </si>
  <si>
    <t>258-0122</t>
  </si>
  <si>
    <t>神奈川県足柄上郡山北町都夫良野２－１</t>
  </si>
  <si>
    <t>0465-75-2893</t>
  </si>
  <si>
    <t>ｴﾌｱｰﾙﾋﾟｰｶｼﾞ</t>
  </si>
  <si>
    <t>瀬戸正志</t>
  </si>
  <si>
    <t>水村土木工業　水村　勇</t>
  </si>
  <si>
    <t>246-0005</t>
  </si>
  <si>
    <t>神奈川県横浜市瀬谷区竹村町１８－１２</t>
  </si>
  <si>
    <t>045-302-2079</t>
  </si>
  <si>
    <t>ﾐｽﾞﾑﾗﾄﾞﾎﾞｸｺｳｷﾞｮｳ ﾐｽﾞﾑﾗ ｲｻﾑ</t>
  </si>
  <si>
    <t>水村勇</t>
  </si>
  <si>
    <t>（有）添田官業</t>
  </si>
  <si>
    <t>添田喜三郎</t>
  </si>
  <si>
    <t>神奈川県相模原市中央区上溝３１９－１</t>
  </si>
  <si>
    <t>042-778-1078</t>
  </si>
  <si>
    <t>ｿｴﾀﾞｶﾝｷﾞｮｳ</t>
  </si>
  <si>
    <t>（株）大塚</t>
  </si>
  <si>
    <t>大塚穣</t>
  </si>
  <si>
    <t>238-0316</t>
  </si>
  <si>
    <t>神奈川県横須賀市長井３－３９－１２</t>
  </si>
  <si>
    <t>046-874-6633</t>
  </si>
  <si>
    <t>ｵｵﾂｶ</t>
  </si>
  <si>
    <t>プレアデス（株）</t>
  </si>
  <si>
    <t>藤田善広</t>
  </si>
  <si>
    <t>238-0111</t>
  </si>
  <si>
    <t>神奈川県三浦市初声町下宮田６０１－５</t>
  </si>
  <si>
    <t>046-888-3570</t>
  </si>
  <si>
    <t>ﾌﾟﾚｱﾃﾞｽ</t>
  </si>
  <si>
    <t>（有）天野商会</t>
  </si>
  <si>
    <t>天野正美</t>
  </si>
  <si>
    <t>神奈川県相模原市中央区田名３３００－１</t>
  </si>
  <si>
    <t>042-761-3007</t>
  </si>
  <si>
    <t>ｱﾏﾉｼｮｳｶｲ</t>
  </si>
  <si>
    <t>エブリサポート伊澤　伊澤　初夫</t>
  </si>
  <si>
    <t>243-0218</t>
  </si>
  <si>
    <t>神奈川県厚木市飯山南２－１０－２４</t>
  </si>
  <si>
    <t>090-5578-8778</t>
  </si>
  <si>
    <t>ｴﾌﾞﾘｻﾎﾟｰﾄｲｻﾞﾜ ｲｻﾞﾜ ﾊﾂｵ</t>
  </si>
  <si>
    <t>伊澤初夫</t>
  </si>
  <si>
    <t>ベルツコーポレーション（株）</t>
  </si>
  <si>
    <t>鈴木衛</t>
  </si>
  <si>
    <t>231-0064</t>
  </si>
  <si>
    <t>神奈川県横浜市中区野毛町１－２３－３</t>
  </si>
  <si>
    <t>045-334-7658</t>
  </si>
  <si>
    <t>ﾍﾞﾙﾂｺｰﾎﾟﾚｰｼｮﾝ</t>
  </si>
  <si>
    <t>森公明</t>
  </si>
  <si>
    <t>高橋　哲男</t>
  </si>
  <si>
    <t>243-0201</t>
  </si>
  <si>
    <t>神奈川県厚木市上荻野２４４８－１</t>
  </si>
  <si>
    <t>046-241-8453</t>
  </si>
  <si>
    <t>ﾀｶﾊｼ ﾃﾂｵ</t>
  </si>
  <si>
    <t>高橋哲男</t>
  </si>
  <si>
    <t>（有）蓮商</t>
  </si>
  <si>
    <t>　磯村妙美</t>
  </si>
  <si>
    <t>254-0005</t>
  </si>
  <si>
    <t>神奈川県平塚市城所１４８２－２</t>
  </si>
  <si>
    <t>0463-79-6851</t>
  </si>
  <si>
    <t>ﾚﾝｼｮｳ</t>
  </si>
  <si>
    <t>佐伯孝一</t>
  </si>
  <si>
    <t>（株）マトイ</t>
  </si>
  <si>
    <t>生井由美</t>
  </si>
  <si>
    <t>178-0064</t>
  </si>
  <si>
    <t>東京都練馬区南大泉６－２１－１</t>
  </si>
  <si>
    <t>03-6666-5593</t>
  </si>
  <si>
    <t>ﾏﾄｲ</t>
  </si>
  <si>
    <t>長谷川和哉</t>
  </si>
  <si>
    <t>（株）雷工業</t>
  </si>
  <si>
    <t>エリイットムアムメル</t>
  </si>
  <si>
    <t>339-0036</t>
  </si>
  <si>
    <t>埼玉県さいたま市岩槻区横根２６３－４</t>
  </si>
  <si>
    <t>080-4322-2734</t>
  </si>
  <si>
    <t>ｶﾐﾅﾘｺｳｷﾞｮｳ</t>
  </si>
  <si>
    <t>（株）イースター</t>
  </si>
  <si>
    <t>　水野朝保</t>
  </si>
  <si>
    <t>230-0072</t>
  </si>
  <si>
    <t>神奈川県横浜市鶴見区梶山２－２８－８</t>
  </si>
  <si>
    <t>045-584-7712</t>
  </si>
  <si>
    <t>ｲｰｽﾀｰ</t>
  </si>
  <si>
    <t>杉浦達也</t>
  </si>
  <si>
    <t>武田興業　武田　直輝</t>
  </si>
  <si>
    <t>140-0013</t>
  </si>
  <si>
    <t>東京都品川区南大井５－１２－１３－２１０</t>
  </si>
  <si>
    <t>080-5544-8206</t>
  </si>
  <si>
    <t>ﾀｹﾀﾞｺｳｷﾞｮｳ ﾀｹﾀﾞ ﾅｵｷ</t>
  </si>
  <si>
    <t>武田直輝</t>
  </si>
  <si>
    <t>（有）ファインワークス</t>
  </si>
  <si>
    <t>尾形明美</t>
  </si>
  <si>
    <t>851-3303</t>
  </si>
  <si>
    <t>長崎県西海市西彼町亀浦郷３５１</t>
  </si>
  <si>
    <t>0959-27-1071</t>
  </si>
  <si>
    <t>ﾌｧｲﾝﾜｰｸｽ</t>
  </si>
  <si>
    <t>叶多建設　田中　貴之</t>
  </si>
  <si>
    <t>神奈川県小田原市久野２８７－２０</t>
  </si>
  <si>
    <t>0465-43-9481</t>
  </si>
  <si>
    <t>ｶﾅﾀｹﾝｾﾂ ﾀﾅｶ ﾀｶﾕｷ</t>
  </si>
  <si>
    <t>田中貴之</t>
  </si>
  <si>
    <t>（株）センナリ</t>
  </si>
  <si>
    <t>　鈴木裕也</t>
  </si>
  <si>
    <t>250-0874</t>
  </si>
  <si>
    <t>神奈川県小田原市鴨宮８９３－１</t>
  </si>
  <si>
    <t>0465-49-0346</t>
  </si>
  <si>
    <t>ｾﾝﾅﾘ</t>
  </si>
  <si>
    <t>鈴木純也</t>
  </si>
  <si>
    <t>（有）山﨑・エース企画</t>
  </si>
  <si>
    <t>　山﨑誠一</t>
  </si>
  <si>
    <t>182-0024</t>
  </si>
  <si>
    <t>東京都調布市布田２－２－６調布マンション３０５</t>
  </si>
  <si>
    <t>042-442-0122</t>
  </si>
  <si>
    <t>ﾔﾏｻﾞｷｴｰｽｷｶｸ</t>
  </si>
  <si>
    <t>山﨑誠一</t>
  </si>
  <si>
    <t>（株）エコマル商事</t>
  </si>
  <si>
    <t>　三枝博行</t>
  </si>
  <si>
    <t>243-0306</t>
  </si>
  <si>
    <t>神奈川県愛甲郡愛川町田代１０２８－１</t>
  </si>
  <si>
    <t>090-8724-5390</t>
  </si>
  <si>
    <t>ｴｺﾏﾙｼｮｳｼﾞ</t>
  </si>
  <si>
    <t>三枝博行</t>
  </si>
  <si>
    <t>（株）金田臨海総合</t>
  </si>
  <si>
    <t>　大邑政勝</t>
  </si>
  <si>
    <t>292-0007</t>
  </si>
  <si>
    <t>千葉県木更津市瓜倉９８５</t>
  </si>
  <si>
    <t>0438-41-1728</t>
  </si>
  <si>
    <t>ｶﾈﾀﾞﾘﾝｶｲｿｳｺﾞｳ</t>
  </si>
  <si>
    <t>大邑行雄</t>
  </si>
  <si>
    <t>（株）ＫＤＮ　ＲＥＣＹＣＬＥ</t>
  </si>
  <si>
    <t>キネネ　ディーニニトアム</t>
  </si>
  <si>
    <t>354-0043</t>
  </si>
  <si>
    <t>埼玉県入間郡三芳町大字竹間沢１３４－１</t>
  </si>
  <si>
    <t>049-293-1853</t>
  </si>
  <si>
    <t>ｹｲﾃﾞｨｴﾇ ﾘｻｲｸﾙ</t>
  </si>
  <si>
    <t>（株）ＬＩＮＯＧＲＯＷＴＨ</t>
  </si>
  <si>
    <t>岩本雅樹</t>
  </si>
  <si>
    <t>120-0005</t>
  </si>
  <si>
    <t>東京都足立区綾瀬１－２７－５</t>
  </si>
  <si>
    <t>03-6662-5479</t>
  </si>
  <si>
    <t>ﾘﾉｸﾞﾛｰｽ</t>
  </si>
  <si>
    <t>センタービレッジ（株）</t>
  </si>
  <si>
    <t>中村義治</t>
  </si>
  <si>
    <t>神奈川県横浜市旭区上川井町２８８５－１２</t>
  </si>
  <si>
    <t>045-744-6061</t>
  </si>
  <si>
    <t>ｾﾝﾀｰﾋﾞﾚｯｼﾞ</t>
  </si>
  <si>
    <t>ＷｉＮＧ（株）</t>
  </si>
  <si>
    <t>ムクリース（ＭＵＫＨＬＩＳ）</t>
  </si>
  <si>
    <t>253-0053</t>
  </si>
  <si>
    <t>神奈川県茅ヶ崎市東海岸北２－４－４０</t>
  </si>
  <si>
    <t>0467-38-6431</t>
  </si>
  <si>
    <t>ｳｨﾝｸﾞ</t>
  </si>
  <si>
    <t>ムクリース☆</t>
  </si>
  <si>
    <t>（株）ライテクノ</t>
  </si>
  <si>
    <t>クリスティアン・イマヌエル・ライ</t>
  </si>
  <si>
    <t>242-0024</t>
  </si>
  <si>
    <t>神奈川県大和市福田１２２８－７</t>
  </si>
  <si>
    <t>090-9141-7033</t>
  </si>
  <si>
    <t>ﾗｲﾃｸﾉ</t>
  </si>
  <si>
    <t>田中技建（同）</t>
  </si>
  <si>
    <t>田中克幸</t>
  </si>
  <si>
    <t>216-0033</t>
  </si>
  <si>
    <t>神奈川県川崎市宮前区宮崎２９０コンフォート宮崎台２０２</t>
  </si>
  <si>
    <t>044-852-7663</t>
  </si>
  <si>
    <t>ﾀﾅｶｷﾞｹﾝ</t>
  </si>
  <si>
    <t>（有）宮崎建設</t>
  </si>
  <si>
    <t>石井肇</t>
  </si>
  <si>
    <t>101-0025</t>
  </si>
  <si>
    <t>東京都千代田区神田佐久間町２－２３</t>
  </si>
  <si>
    <t>03-5823-3940</t>
  </si>
  <si>
    <t>ﾐﾔｻﾞｷｹﾝｾﾂ</t>
  </si>
  <si>
    <t>（有）大山土木</t>
  </si>
  <si>
    <t>大山秋子</t>
  </si>
  <si>
    <t>243-0021</t>
  </si>
  <si>
    <t>神奈川県厚木市岡田３－２－３０</t>
  </si>
  <si>
    <t>046-229-7220</t>
  </si>
  <si>
    <t>ｵｵﾔﾏﾄﾞﾎﾞｸ</t>
  </si>
  <si>
    <t>小澤解体工業（有）</t>
  </si>
  <si>
    <t>　小澤洋二郎</t>
  </si>
  <si>
    <t>242-0015</t>
  </si>
  <si>
    <t>神奈川県大和市下和田１２５２－６</t>
  </si>
  <si>
    <t>0462-69-6620</t>
  </si>
  <si>
    <t>ｵｻﾞﾜｶｲﾀｲｺｳｷﾞｮｳ</t>
  </si>
  <si>
    <t>小澤洋二郎</t>
  </si>
  <si>
    <t>（株）福来興業</t>
  </si>
  <si>
    <t>早川福来</t>
  </si>
  <si>
    <t>190-0031</t>
  </si>
  <si>
    <t>東京都立川市砂川町２－３４－１１</t>
  </si>
  <si>
    <t>042-513-9011</t>
  </si>
  <si>
    <t>ﾌｸﾗｲｺｳｷﾞｮｳ</t>
  </si>
  <si>
    <t>竹内和仁</t>
  </si>
  <si>
    <t>共和（株）</t>
  </si>
  <si>
    <t>オズデミイルエムレ</t>
  </si>
  <si>
    <t>339-0025</t>
  </si>
  <si>
    <t>埼玉県さいたま市岩槻区釣上新田１４７８－１</t>
  </si>
  <si>
    <t>048-797-6907</t>
  </si>
  <si>
    <t>ｷｮｳﾜ</t>
  </si>
  <si>
    <t>オズデミイル真里</t>
  </si>
  <si>
    <t>（有）冨樫興業</t>
  </si>
  <si>
    <t>冨樫賢太</t>
  </si>
  <si>
    <t>253-0011</t>
  </si>
  <si>
    <t>神奈川県茅ヶ崎市菱沼１－１１－４７</t>
  </si>
  <si>
    <t>0467-51-1907</t>
  </si>
  <si>
    <t>ﾄｶﾞｼｺｳｷﾞｮｳ</t>
  </si>
  <si>
    <t>湘南環境（株）</t>
  </si>
  <si>
    <t>　栗林悠吾</t>
  </si>
  <si>
    <t>神奈川県高座郡寒川町一之宮６－２－２１</t>
  </si>
  <si>
    <t>0467-75-1445</t>
  </si>
  <si>
    <t>ｼｮｳﾅﾝｶﾝｷｮｳ</t>
  </si>
  <si>
    <t>栗林悠吾</t>
  </si>
  <si>
    <t>（株）オラクルヤ</t>
  </si>
  <si>
    <t>　若林誠</t>
  </si>
  <si>
    <t>183-0052</t>
  </si>
  <si>
    <t>東京都府中市新町１－６７－２当麻マンション１Ｆ</t>
  </si>
  <si>
    <t>042-319-2697</t>
  </si>
  <si>
    <t>ｵﾗｸﾙﾔ</t>
  </si>
  <si>
    <t>若林誠</t>
  </si>
  <si>
    <t>（株）ＡＳＬＡＮ</t>
  </si>
  <si>
    <t>アルトゥンダグビラル</t>
  </si>
  <si>
    <t>343-0851</t>
  </si>
  <si>
    <t>埼玉県越谷市七左町６－２６５－１</t>
  </si>
  <si>
    <t>048-287-9417</t>
  </si>
  <si>
    <t>ｱｽﾗﾝ</t>
  </si>
  <si>
    <t>豊下惠</t>
  </si>
  <si>
    <t>（株）スキーマー</t>
  </si>
  <si>
    <t>平光明</t>
  </si>
  <si>
    <t>212-0052</t>
  </si>
  <si>
    <t>神奈川県川崎市幸区古市場２－１１５－１４</t>
  </si>
  <si>
    <t>044-555-1541</t>
  </si>
  <si>
    <t>ｽｷｰﾏｰ</t>
  </si>
  <si>
    <t>（株）大進工業</t>
  </si>
  <si>
    <t>小野田潤次</t>
  </si>
  <si>
    <t>123-0843</t>
  </si>
  <si>
    <t>東京都足立区西新井栄町３－１８－５ＳＵハイム１０３</t>
  </si>
  <si>
    <t>03-5845-8282</t>
  </si>
  <si>
    <t>ﾀｲｼﾝｺｳｷﾞｮｳ</t>
  </si>
  <si>
    <t>（株）ＶＥＮＵＳ</t>
  </si>
  <si>
    <t>チェリック　ナムクエルジャン</t>
  </si>
  <si>
    <t>344-0066</t>
  </si>
  <si>
    <t>埼玉県春日部市豊町５－９－６</t>
  </si>
  <si>
    <t>048-708-0730</t>
  </si>
  <si>
    <t>ﾋﾞｰﾅｽ</t>
  </si>
  <si>
    <t>ピーエスコーポレーション（株）</t>
  </si>
  <si>
    <t>プーシュウィンダーシン</t>
  </si>
  <si>
    <t>埼玉県草加市新善町１２４－４フィールドコートＩ－２０２</t>
  </si>
  <si>
    <t>090-8452-0146</t>
  </si>
  <si>
    <t>ﾋﾟｰｴｽｺｰﾎﾟﾚｰｼｮﾝ</t>
  </si>
  <si>
    <t>（有）三和企画</t>
  </si>
  <si>
    <t>山崎フェリシダッドブララヤオ</t>
  </si>
  <si>
    <t>210-0015</t>
  </si>
  <si>
    <t>神奈川県川崎市川崎区南町１５－３－１０１太平ビル</t>
  </si>
  <si>
    <t>044-589-7787</t>
  </si>
  <si>
    <t>ｻﾝﾜｷｶｸ</t>
  </si>
  <si>
    <t>タペックジェアールブララヤオ</t>
  </si>
  <si>
    <t>（株）ヘンダルシン</t>
  </si>
  <si>
    <t>ヘンダルシンＨＥＮＤＡＲＳＩＮ</t>
  </si>
  <si>
    <t>335-0003</t>
  </si>
  <si>
    <t>埼玉県蕨市南町３－７－１６</t>
  </si>
  <si>
    <t>090-2441-9420</t>
  </si>
  <si>
    <t>ﾍﾝﾀﾞﾙｼﾝ</t>
  </si>
  <si>
    <t>（株）コウジ工業</t>
  </si>
  <si>
    <t>ガルシア・ロドリゴコウジ</t>
  </si>
  <si>
    <t>神奈川県横浜市戸塚区上矢部町２８４－８ユードリーム横濱戸塚６２８号</t>
  </si>
  <si>
    <t>045-814-3165</t>
  </si>
  <si>
    <t>ｺｳｼﾞｺｳｷﾞｮｳ</t>
  </si>
  <si>
    <t>（株）ＫＲＡ総業</t>
  </si>
  <si>
    <t>田村龍也</t>
  </si>
  <si>
    <t>245-0066</t>
  </si>
  <si>
    <t>神奈川県横浜市戸塚区俣野町５２１－５</t>
  </si>
  <si>
    <t>045-719-0813</t>
  </si>
  <si>
    <t>ｹｰｱｰﾙｴｰｿｳｷﾞｮｳ</t>
  </si>
  <si>
    <t>（同）新垣エース興業</t>
  </si>
  <si>
    <t>新垣義重</t>
  </si>
  <si>
    <t>257-0025</t>
  </si>
  <si>
    <t>神奈川県秦野市落合６０５－１</t>
  </si>
  <si>
    <t>0463-45-0981</t>
  </si>
  <si>
    <t>ｱﾗｶｷｴｰｽｺｳｷﾞｮｳ</t>
  </si>
  <si>
    <t>髙暉産業（同）</t>
  </si>
  <si>
    <t>髙橋新一</t>
  </si>
  <si>
    <t>神奈川県綾瀬市落合南９－１６－１５</t>
  </si>
  <si>
    <t>0467-38-5263</t>
  </si>
  <si>
    <t>ｺｳｷｻﾝｷﾞｮｳ</t>
  </si>
  <si>
    <t>山紫工業　庄司　修二</t>
  </si>
  <si>
    <t>神奈川県横浜市泉区和泉町６２０６－１グレーシアいずみ野３１０号</t>
  </si>
  <si>
    <t>045-801-9510</t>
  </si>
  <si>
    <t>ﾔﾏｼﾞｺｳｷﾞｮｳ ｼｮｳｼﾞ ｼｭｳｼﾞ</t>
  </si>
  <si>
    <t>庄司修二</t>
  </si>
  <si>
    <t>（株）名塚工業</t>
  </si>
  <si>
    <t>名塚健雄</t>
  </si>
  <si>
    <t>神奈川県海老名市本郷２７４６－２２</t>
  </si>
  <si>
    <t>046-215-0351</t>
  </si>
  <si>
    <t>ﾅﾂﾞｶｺｳｷﾞｮｳ</t>
  </si>
  <si>
    <t>（株）イスマイル</t>
  </si>
  <si>
    <t>コーチュイスマイル</t>
  </si>
  <si>
    <t>337-0041</t>
  </si>
  <si>
    <t>埼玉県さいたま市見沼区大字南中丸７２１－３１</t>
  </si>
  <si>
    <t>048-720-8600</t>
  </si>
  <si>
    <t>ｲｽﾏｲﾙ</t>
  </si>
  <si>
    <t>（株）大和レイス興業</t>
  </si>
  <si>
    <t>ゴメス　ドスレイス　ジョージ</t>
  </si>
  <si>
    <t>253-0006</t>
  </si>
  <si>
    <t>神奈川県茅ヶ崎市堤３１２６</t>
  </si>
  <si>
    <t>0467-40-4674</t>
  </si>
  <si>
    <t>ﾔﾏﾄﾚｲｽｺｳｷﾞｮｳ</t>
  </si>
  <si>
    <t>（株）イーネットエージェンシー</t>
  </si>
  <si>
    <t>渋谷愛夕</t>
  </si>
  <si>
    <t>350-1117</t>
  </si>
  <si>
    <t>埼玉県川越市広栄町２４－３</t>
  </si>
  <si>
    <t>049-293-6881</t>
  </si>
  <si>
    <t>ｲｰﾈｯﾄｴｰｼﾞｪﾝｼｰ</t>
  </si>
  <si>
    <t>（株）湘南総合サービス</t>
  </si>
  <si>
    <t>田嶌二郎</t>
  </si>
  <si>
    <t>249-0008</t>
  </si>
  <si>
    <t>神奈川県逗子市小坪２－２４－１９</t>
  </si>
  <si>
    <t>0467-22-6805</t>
  </si>
  <si>
    <t>ｼｮｳﾅﾝｿｳｺﾞｳｻｰﾋﾞｽ</t>
  </si>
  <si>
    <t>古澤豪</t>
  </si>
  <si>
    <t>（株）ＫＳＤ</t>
  </si>
  <si>
    <t>坂井英</t>
  </si>
  <si>
    <t>神奈川県藤沢市石川１－７－３ビジュオール２０２</t>
  </si>
  <si>
    <t>0466-87-9585</t>
  </si>
  <si>
    <t>ｹｰｴｽﾃﾞｨｰ</t>
  </si>
  <si>
    <t>（株）平山工業</t>
  </si>
  <si>
    <t>平山寛和</t>
  </si>
  <si>
    <t>132-0022</t>
  </si>
  <si>
    <t>東京都江戸川区大杉５－８－２２</t>
  </si>
  <si>
    <t>03-3655-0274</t>
  </si>
  <si>
    <t>ﾋﾗﾔﾏｺｳｷﾞｮｳ</t>
  </si>
  <si>
    <t>（株）挑興業</t>
  </si>
  <si>
    <t>大石ファビオラ</t>
  </si>
  <si>
    <t>252-1104</t>
  </si>
  <si>
    <t>神奈川県綾瀬市大上５－２５－６</t>
  </si>
  <si>
    <t>0467-95-9140</t>
  </si>
  <si>
    <t>ｲﾄﾞﾐｺｳｷﾞｮｳ</t>
  </si>
  <si>
    <t>（株）朝霞建設</t>
  </si>
  <si>
    <t>塩田守</t>
  </si>
  <si>
    <t>351-0021</t>
  </si>
  <si>
    <t>埼玉県朝霞市西弁財１－１０－２１</t>
  </si>
  <si>
    <t>048-423-6094</t>
  </si>
  <si>
    <t>ｱｻｶｹﾝｾﾂ</t>
  </si>
  <si>
    <t>北友解体工業　北澤　昭紀</t>
  </si>
  <si>
    <t>412-0041</t>
  </si>
  <si>
    <t>静岡県御殿場市茱萸沢１３６３－１３</t>
  </si>
  <si>
    <t>0550-83-3767</t>
  </si>
  <si>
    <t>ﾎｸﾕｳｶｲﾀｲｺｳｷﾞｮｳ ｷﾀｻﾞﾜ ｱｷﾉﾘ</t>
  </si>
  <si>
    <t>北澤昭紀</t>
  </si>
  <si>
    <t>（株）東京内装解体</t>
  </si>
  <si>
    <t>岩﨑孝二</t>
  </si>
  <si>
    <t>124-0022</t>
  </si>
  <si>
    <t>東京都葛飾区奥戸５－５－３</t>
  </si>
  <si>
    <t>03-5671-3421</t>
  </si>
  <si>
    <t>ﾄｳｷｮｳﾅｲｿｳｶｲﾀｲ</t>
  </si>
  <si>
    <t>田中成樹</t>
  </si>
  <si>
    <t>（株）ブレイク</t>
  </si>
  <si>
    <t>郡司由利</t>
  </si>
  <si>
    <t>157-0062</t>
  </si>
  <si>
    <t>東京都世田谷区南烏山３－１６－２アクシス２０１号</t>
  </si>
  <si>
    <t>080-6548-5525</t>
  </si>
  <si>
    <t>ﾌﾞﾚｲｸ</t>
  </si>
  <si>
    <t>郡司薫</t>
  </si>
  <si>
    <t>カイテキ（株）</t>
  </si>
  <si>
    <t>宮川創</t>
  </si>
  <si>
    <t>190-0011</t>
  </si>
  <si>
    <t>東京都立川市高松町２－１２－１４</t>
  </si>
  <si>
    <t>042-565-6121</t>
  </si>
  <si>
    <t>ｶｲﾃｷ</t>
  </si>
  <si>
    <t>新和工業　新井　辰一</t>
  </si>
  <si>
    <t>235-0023</t>
  </si>
  <si>
    <t>神奈川県横浜市磯子区森４－２</t>
  </si>
  <si>
    <t>045-751-5681</t>
  </si>
  <si>
    <t>ｼﾝﾜｺｳｷﾞｮｳ ｱﾗｲ ﾀﾂｲﾁ</t>
  </si>
  <si>
    <t>新井辰一</t>
  </si>
  <si>
    <t>（株）ケーシートレーディング・インク・ジャパン</t>
  </si>
  <si>
    <t>ケーシーデベンドラ</t>
  </si>
  <si>
    <t>197-0013</t>
  </si>
  <si>
    <t>東京都福生市武蔵野台１－４－２東福生ビル１０１号室</t>
  </si>
  <si>
    <t>080-5447-2034</t>
  </si>
  <si>
    <t>ｹｰｼｰﾄﾚｰﾃﾞｨﾝｸﾞ ｲﾝｸ ｼﾞｬﾊﾟﾝ</t>
  </si>
  <si>
    <t>小山浩二</t>
  </si>
  <si>
    <t>（株）ハスグル建設</t>
  </si>
  <si>
    <t>ハスグルバイラム</t>
  </si>
  <si>
    <t>埼玉県越谷市新川町２－３４－１</t>
  </si>
  <si>
    <t>080-3625-4735</t>
  </si>
  <si>
    <t>ﾊｽｸﾞﾙｹﾝｾﾂ</t>
  </si>
  <si>
    <t>（株）ＲＤサービス工業</t>
  </si>
  <si>
    <t>ラミレス・ディアス・ビクトル・アルフレド</t>
  </si>
  <si>
    <t>243-0431</t>
  </si>
  <si>
    <t>神奈川県海老名市上今泉６－１－８－２０４</t>
  </si>
  <si>
    <t>046-240-6793</t>
  </si>
  <si>
    <t>ｱｰﾙﾃﾞｨｰｻｰﾋﾞｽｺｳｷﾞｮｳ</t>
  </si>
  <si>
    <t>（株）ＦＬＡＴ</t>
  </si>
  <si>
    <t>勝又大蔵</t>
  </si>
  <si>
    <t>193-0816</t>
  </si>
  <si>
    <t>東京都八王子市大楽寺町４９８</t>
  </si>
  <si>
    <t>042-634-9650</t>
  </si>
  <si>
    <t>ﾌﾗｯﾄ</t>
  </si>
  <si>
    <t>トウキョウアラス（株）</t>
  </si>
  <si>
    <t>オンコルメメット</t>
  </si>
  <si>
    <t>333-0844</t>
  </si>
  <si>
    <t>埼玉県川口市上青木６－７－３華ハイツ１階</t>
  </si>
  <si>
    <t>048-211-1516</t>
  </si>
  <si>
    <t>ﾄｳｷｮｳｱﾗｽ</t>
  </si>
  <si>
    <t>（株）ＧＫ総業</t>
  </si>
  <si>
    <t>ボズベイオウルオマル　ファルック</t>
  </si>
  <si>
    <t>340-0834</t>
  </si>
  <si>
    <t>埼玉県八潮市大字大曽根１３４－５</t>
  </si>
  <si>
    <t>048-933-9777</t>
  </si>
  <si>
    <t>ｼﾞｰｹｰｿｳｷﾞｮｳ</t>
  </si>
  <si>
    <t>日本総合解体（株）</t>
  </si>
  <si>
    <t>近藤大貴</t>
  </si>
  <si>
    <t>135-0002</t>
  </si>
  <si>
    <t>東京都江東区住吉１－３－１１</t>
  </si>
  <si>
    <t>03-3624-9900</t>
  </si>
  <si>
    <t>ﾆﾎﾝｿｳｺﾞｳｶｲﾀｲ</t>
  </si>
  <si>
    <t>山﨑進一</t>
  </si>
  <si>
    <t>（株）ＪＬＣ　ＴＯＫＹＯ</t>
  </si>
  <si>
    <t>古内泰弘</t>
  </si>
  <si>
    <t>252-0206</t>
  </si>
  <si>
    <t>神奈川県相模原市中央区淵野辺４－１９－９</t>
  </si>
  <si>
    <t>042-707-4781</t>
  </si>
  <si>
    <t>ｼﾞｪｰｴﾙｼｰﾄｳｷｮｳ</t>
  </si>
  <si>
    <t>（株）ＳＫＹ</t>
  </si>
  <si>
    <t>イルマズアイディン</t>
  </si>
  <si>
    <t>343-0854</t>
  </si>
  <si>
    <t>埼玉県越谷市大字北後谷７２６－１</t>
  </si>
  <si>
    <t>048-235-5279</t>
  </si>
  <si>
    <t>ｽｶｲ</t>
  </si>
  <si>
    <t>渡邉唯花</t>
  </si>
  <si>
    <t>宮坂興業　ハスグル　由香</t>
  </si>
  <si>
    <t>340-0104</t>
  </si>
  <si>
    <t>埼玉県幸手市大字円藤内３２６－５</t>
  </si>
  <si>
    <t>070-3534-1978</t>
  </si>
  <si>
    <t>ﾐﾔｻｶｺｳｷﾞｮｳ ﾊｽｸﾞﾙ ﾕｶ</t>
  </si>
  <si>
    <t>ハスグル由香</t>
  </si>
  <si>
    <t>（株）伊丹興業</t>
  </si>
  <si>
    <t>伊丹和男</t>
  </si>
  <si>
    <t>252-0813</t>
  </si>
  <si>
    <t>神奈川県藤沢市亀井野７７９－２１</t>
  </si>
  <si>
    <t>0466-83-3290</t>
  </si>
  <si>
    <t>ｲﾀﾐｺｳｷﾞｮｳ</t>
  </si>
  <si>
    <t>（株）オキミツサービス</t>
  </si>
  <si>
    <t>橋本友太</t>
  </si>
  <si>
    <t>243-0203</t>
  </si>
  <si>
    <t>神奈川県厚木市下荻野９９２－１５</t>
  </si>
  <si>
    <t>046-242-5817</t>
  </si>
  <si>
    <t>ｵｷﾐﾂｻｰﾋﾞｽ</t>
  </si>
  <si>
    <t>（株）大進架設工業</t>
  </si>
  <si>
    <t>　南出博史</t>
  </si>
  <si>
    <t>216-0015</t>
  </si>
  <si>
    <t>神奈川県川崎市宮前区菅生１－１０－７</t>
  </si>
  <si>
    <t>044-975-9208</t>
  </si>
  <si>
    <t>ﾀﾞｲｼﾝｶｾﾂｺｳｷﾞｮｳ</t>
  </si>
  <si>
    <t>南出博史</t>
  </si>
  <si>
    <t>（株）渡辺総業</t>
  </si>
  <si>
    <t>渡辺博文</t>
  </si>
  <si>
    <t>神奈川県藤沢市葛原１６３０－１</t>
  </si>
  <si>
    <t>0466-21-9517</t>
  </si>
  <si>
    <t>ﾜﾀﾅﾍﾞｿｳｷﾞｮｳ</t>
  </si>
  <si>
    <t>上原興業　ＵＥＨＡＲＡ　ＡＬＥＸＡＮＤＲＥ</t>
  </si>
  <si>
    <t>ｳｴﾊﾗｺｳｷﾞｮｳ ｳｴﾊﾗ ｱﾚｼｬﾝﾄﾞﾚ</t>
  </si>
  <si>
    <t>ＵＥＨＡＲＡＡＬＥＸＡＮＤＲＥ</t>
  </si>
  <si>
    <t>（株）松本興業</t>
  </si>
  <si>
    <t>松本四郎</t>
  </si>
  <si>
    <t>132-0025</t>
  </si>
  <si>
    <t>東京都江戸川区松江４－１－７－３０１号</t>
  </si>
  <si>
    <t>03-3655-5304</t>
  </si>
  <si>
    <t>ﾏﾂﾓﾄｺｳｷﾞｮｳ</t>
  </si>
  <si>
    <t>ナカシズ（株）</t>
  </si>
  <si>
    <t>中靜知久</t>
  </si>
  <si>
    <t>177-0042</t>
  </si>
  <si>
    <t>東京都練馬区下石神井４－２２－６</t>
  </si>
  <si>
    <t>03-6913-2324</t>
  </si>
  <si>
    <t>ﾅｶｼｽﾞ</t>
  </si>
  <si>
    <t>（株）英和工業</t>
  </si>
  <si>
    <t>出町英一</t>
  </si>
  <si>
    <t>東京都練馬区大泉学園町８－３０－１６</t>
  </si>
  <si>
    <t>03-3921-2321</t>
  </si>
  <si>
    <t>ｴｲﾜｺｳｷﾞｮｳ</t>
  </si>
  <si>
    <t>平田勝力</t>
  </si>
  <si>
    <t>（株）アイシン</t>
  </si>
  <si>
    <t>吉原敬裕</t>
  </si>
  <si>
    <t>252-0241</t>
  </si>
  <si>
    <t>神奈川県相模原市中央区横山台２－１１－３０</t>
  </si>
  <si>
    <t>042-754-1069</t>
  </si>
  <si>
    <t>ｱｲｼﾝ</t>
  </si>
  <si>
    <t>（株）愛光</t>
  </si>
  <si>
    <t>久保島瑠美</t>
  </si>
  <si>
    <t>262-0001</t>
  </si>
  <si>
    <t>千葉県千葉市花見川区横戸町８５５</t>
  </si>
  <si>
    <t>043-308-4675</t>
  </si>
  <si>
    <t>ｱｲｺｳ</t>
  </si>
  <si>
    <t>久保島哲也</t>
  </si>
  <si>
    <t>（株）グローイングアップ</t>
  </si>
  <si>
    <t>山口悠大</t>
  </si>
  <si>
    <t>185-0021</t>
  </si>
  <si>
    <t>東京都国分寺市南町３－７－９パークアベニュー国分寺１０５</t>
  </si>
  <si>
    <t>042-203-1646</t>
  </si>
  <si>
    <t>ｸﾞﾛｰｲﾝｸﾞｱｯﾌﾟ</t>
  </si>
  <si>
    <t>（株）Ｋ．Ｒ．Ｂ工業</t>
  </si>
  <si>
    <t>＊刀　広宣功の「力」が「刀」</t>
  </si>
  <si>
    <t>193-0823</t>
  </si>
  <si>
    <t>東京都八王子市横川町５３１－１</t>
  </si>
  <si>
    <t>042-664-7513</t>
  </si>
  <si>
    <t>ｹｰｱｰﾙﾋﾞｰｺｳｷﾞｮｳ</t>
  </si>
  <si>
    <t>熊谷商会　熊谷　学斌</t>
  </si>
  <si>
    <t>神奈川県横浜市泉区上飯田町２４０５－４</t>
  </si>
  <si>
    <t>090-3428-6543</t>
  </si>
  <si>
    <t>ｸﾏｶﾞﾔｼｮｳｶｲ ｸﾏｶﾞﾔ ｶﾞｸﾌﾞ</t>
  </si>
  <si>
    <t>熊谷学斌</t>
  </si>
  <si>
    <t>大森サービス　大森　正祥</t>
  </si>
  <si>
    <t>258-0027</t>
  </si>
  <si>
    <t>神奈川県足柄上郡開成町岡野９２</t>
  </si>
  <si>
    <t>0465-83-4011</t>
  </si>
  <si>
    <t>ｵｵﾓﾘｻｰﾋﾞｽ ｵｵﾓﾘ ﾏｻﾖｼ</t>
  </si>
  <si>
    <t>大森正祥</t>
  </si>
  <si>
    <t>（有）コンチネンタルエンタープライズ</t>
  </si>
  <si>
    <t>　宮田ナイムサディック</t>
  </si>
  <si>
    <t>神奈川県藤沢市用田２１３５－４０</t>
  </si>
  <si>
    <t>0466-52-5993</t>
  </si>
  <si>
    <t>ｺﾝﾁﾈﾝﾀﾙｴﾝﾀｰﾌﾟﾗｲｽﾞ</t>
  </si>
  <si>
    <t>長浜好史</t>
  </si>
  <si>
    <t>（株）ｅｃｏレイズ</t>
  </si>
  <si>
    <t>阪井政仁</t>
  </si>
  <si>
    <t>120-0001</t>
  </si>
  <si>
    <t>東京都足立区大谷田４－７－４鈴木マンション３０３号室</t>
  </si>
  <si>
    <t>03-5856-3381</t>
  </si>
  <si>
    <t>ｴｺﾚｲｽﾞ</t>
  </si>
  <si>
    <t>加藤工営　加藤　洋平</t>
  </si>
  <si>
    <t>250-0215</t>
  </si>
  <si>
    <t>神奈川県小田原市千代１０４</t>
  </si>
  <si>
    <t>080-2672-4562</t>
  </si>
  <si>
    <t>ｶﾄｳｺｳｴｲ ｶﾄｳ ﾖｳﾍｲ</t>
  </si>
  <si>
    <t>加藤洋平</t>
  </si>
  <si>
    <t>ｄｂクリーン（株）</t>
  </si>
  <si>
    <t>青栁未希</t>
  </si>
  <si>
    <t>埼玉県越谷市七左町４－１５－１０</t>
  </si>
  <si>
    <t>048-940-0191</t>
  </si>
  <si>
    <t>ﾃﾞｨｰﾋﾞｰｸﾘｰﾝ</t>
  </si>
  <si>
    <t>ＡＧＬ環境（株）</t>
  </si>
  <si>
    <t>諸德寺利之</t>
  </si>
  <si>
    <t>111-0051</t>
  </si>
  <si>
    <t>東京都台東区蔵前１－８－３オザワビル４階Ａ号室</t>
  </si>
  <si>
    <t>03-5829-9117</t>
  </si>
  <si>
    <t>ｴｰｼﾞｰｴﾙｶﾝｷｮｳ</t>
  </si>
  <si>
    <t>岩橋亮</t>
  </si>
  <si>
    <t>（株）ティネオ工業</t>
  </si>
  <si>
    <t>平野サトミ</t>
  </si>
  <si>
    <t>252-0816</t>
  </si>
  <si>
    <t>神奈川県藤沢市遠藤２７６０</t>
  </si>
  <si>
    <t>0466-53-8402</t>
  </si>
  <si>
    <t>ﾃｨﾈｵｺｳｷﾞｮｳ</t>
  </si>
  <si>
    <t>（株）榊組</t>
  </si>
  <si>
    <t>古川梨佳</t>
  </si>
  <si>
    <t>神奈川県横浜市鶴見区駒岡１－２８－４７－４０１東海ハイム</t>
  </si>
  <si>
    <t>045-716-9366</t>
  </si>
  <si>
    <t>ｻｶｷｸﾞﾐ</t>
  </si>
  <si>
    <t>太田孝博</t>
  </si>
  <si>
    <t>（株）小田原増井解体</t>
  </si>
  <si>
    <t>増井崇</t>
  </si>
  <si>
    <t>神奈川県小田原市久野２３５４－７</t>
  </si>
  <si>
    <t>0465-35-7322</t>
  </si>
  <si>
    <t>ｵﾀﾞﾜﾗﾏｽｲｶｲﾀｲ</t>
  </si>
  <si>
    <t>アトサービス（同）</t>
  </si>
  <si>
    <t>越田正義</t>
  </si>
  <si>
    <t>252-0328</t>
  </si>
  <si>
    <t>神奈川県相模原市南区麻溝台３３８３</t>
  </si>
  <si>
    <t>042-777-2381</t>
  </si>
  <si>
    <t>ｱﾄｻｰﾋﾞｽ</t>
  </si>
  <si>
    <t>平野龍</t>
  </si>
  <si>
    <t>ビルディングプロ（株）</t>
  </si>
  <si>
    <t>　保母耕治</t>
  </si>
  <si>
    <t>252-0102</t>
  </si>
  <si>
    <t>神奈川県相模原市緑区原宿２－７－３０Ｎｏ．２ＣＡＩＲＮ　２Ｆ</t>
  </si>
  <si>
    <t>042-851-2902</t>
  </si>
  <si>
    <t>ﾋﾞﾙﾃﾞｨﾝｸﾞﾌﾟﾛ</t>
  </si>
  <si>
    <t>金子章男</t>
  </si>
  <si>
    <t>（株）丸三総合建設</t>
  </si>
  <si>
    <t>三上裕輔</t>
  </si>
  <si>
    <t>339-0022</t>
  </si>
  <si>
    <t>埼玉県さいたま市岩槻区大字高曽根６６１－３</t>
  </si>
  <si>
    <t>048-884-8538</t>
  </si>
  <si>
    <t>ﾏﾙｻﾝｿｳｺﾞｳｹﾝｾﾂ</t>
  </si>
  <si>
    <t>（株）開栄</t>
  </si>
  <si>
    <t>　髙木真一郎</t>
  </si>
  <si>
    <t>260-0042</t>
  </si>
  <si>
    <t>千葉県千葉市中央区椿森２－４－３</t>
  </si>
  <si>
    <t>043-215-7433</t>
  </si>
  <si>
    <t>ｶｲｴｲ</t>
  </si>
  <si>
    <t>髙木真一郎</t>
  </si>
  <si>
    <t>（株）コール</t>
  </si>
  <si>
    <t>コールイルマズ</t>
  </si>
  <si>
    <t>埼玉県川口市北園町１３－１東浦和マンション３０１</t>
  </si>
  <si>
    <t>048-437-4684</t>
  </si>
  <si>
    <t>ｺｰﾙ</t>
  </si>
  <si>
    <t>篠﨑豊</t>
  </si>
  <si>
    <t>サトウエコワークス（同）</t>
  </si>
  <si>
    <t>佐藤雅子</t>
  </si>
  <si>
    <t>334-0013</t>
  </si>
  <si>
    <t>埼玉県川口市南鳩ヶ谷１－２１－１５</t>
  </si>
  <si>
    <t>048-494-6493</t>
  </si>
  <si>
    <t>ｻﾄｳｴｺﾜｰｸｽ</t>
  </si>
  <si>
    <t>佐藤ムスタファ</t>
  </si>
  <si>
    <t>アルトン工業（株）</t>
  </si>
  <si>
    <t>アウトウンバシ・ウメル</t>
  </si>
  <si>
    <t>146-0084</t>
  </si>
  <si>
    <t>東京都大田区南久が原１－１４－７</t>
  </si>
  <si>
    <t>03-6715-2020</t>
  </si>
  <si>
    <t>ｱﾙﾄﾝｺｳｷﾞｮｳ</t>
  </si>
  <si>
    <t>シノブ　鈴木　道</t>
  </si>
  <si>
    <t>123-0841</t>
  </si>
  <si>
    <t>東京都足立区西新井５－２０－１１シエルドゥメゾンⅣ１０１</t>
  </si>
  <si>
    <t>03-5647-1195</t>
  </si>
  <si>
    <t>ｼﾉﾌﾞ ｽｽﾞｷ ﾄｵﾙ</t>
  </si>
  <si>
    <t>鈴木道</t>
  </si>
  <si>
    <t>（株）アドバンス</t>
  </si>
  <si>
    <t>ヤマモト・エジソン・コウキ</t>
  </si>
  <si>
    <t>神奈川県横浜市泉区上飯田町３５１－１０</t>
  </si>
  <si>
    <t>080-6767-3175</t>
  </si>
  <si>
    <t>ｱﾄﾊﾞﾝｽ</t>
  </si>
  <si>
    <t>（有）菅沼商事</t>
  </si>
  <si>
    <t>菅沼涼</t>
  </si>
  <si>
    <t>244-0003</t>
  </si>
  <si>
    <t>神奈川県横浜市戸塚区戸塚町２９７２</t>
  </si>
  <si>
    <t>045-864-0065</t>
  </si>
  <si>
    <t>ｽｶﾞﾇﾏｼｮｳｼﾞ</t>
  </si>
  <si>
    <t>（株）鳶友信工業</t>
  </si>
  <si>
    <t>髙橋勉</t>
  </si>
  <si>
    <t>193-0826</t>
  </si>
  <si>
    <t>東京都八王子市元八王子町２－１８５３－３</t>
  </si>
  <si>
    <t>042-673-3590</t>
  </si>
  <si>
    <t>ﾄﾋﾞﾕｳｼﾝｺｳｷﾞｮｳ</t>
  </si>
  <si>
    <t>（株）隆雄産業</t>
  </si>
  <si>
    <t>亀井隆雄</t>
  </si>
  <si>
    <t>252-1116</t>
  </si>
  <si>
    <t>神奈川県綾瀬市落合北３－１１５３－１４</t>
  </si>
  <si>
    <t>080-4350-8777</t>
  </si>
  <si>
    <t>ﾀｶｵｻﾝｷﾞｮｳ</t>
  </si>
  <si>
    <t>佐藤健太郎</t>
  </si>
  <si>
    <t>サポートサービス　髙荒　勇</t>
  </si>
  <si>
    <t>神奈川県座間市さがみ野１－６－１－２０１</t>
  </si>
  <si>
    <t>070-4455-6299</t>
  </si>
  <si>
    <t>ｻﾎﾟｰﾄｻｰﾋﾞｽ ﾀｶｱﾗ ｲｻﾑ</t>
  </si>
  <si>
    <t>髙荒勇</t>
  </si>
  <si>
    <t>中島総業　中島　健太郎</t>
  </si>
  <si>
    <t>258-0019</t>
  </si>
  <si>
    <t>神奈川県足柄上郡大井町金子２８３－１１</t>
  </si>
  <si>
    <t>0465-42-9840</t>
  </si>
  <si>
    <t>ﾅｶｼﾞﾏｿｳｷﾞｮｳ ﾅｶｼﾞﾏ ｹﾝﾀﾛｳ</t>
  </si>
  <si>
    <t>中島健太郎</t>
  </si>
  <si>
    <t>（株）ウルジャポン</t>
  </si>
  <si>
    <t>メフメットタシ</t>
  </si>
  <si>
    <t>埼玉県川口市赤芝新田字道上５０７－１</t>
  </si>
  <si>
    <t>048-294-3902</t>
  </si>
  <si>
    <t>ｳﾙｼﾞｬﾎﾟﾝ</t>
  </si>
  <si>
    <t>（株）ちゅら工業</t>
  </si>
  <si>
    <t>平良勇樹</t>
  </si>
  <si>
    <t>254-0018</t>
  </si>
  <si>
    <t>神奈川県平塚市東真土２－１２－１１－１</t>
  </si>
  <si>
    <t>0463-68-0974</t>
  </si>
  <si>
    <t>ﾁｭﾗｺｳｷﾞｮｳ</t>
  </si>
  <si>
    <t>Ｍｉｒａｉ工業（株）</t>
  </si>
  <si>
    <t>ドミンゲス・コヘイア・ジュニア・アルバロ</t>
  </si>
  <si>
    <t>245-0064</t>
  </si>
  <si>
    <t>神奈川県横浜市戸塚区影取町１８７番地小宮マンション２０１</t>
  </si>
  <si>
    <t>090-4220-7255</t>
  </si>
  <si>
    <t>ﾐﾗｲｺｳｷﾞｮｳ</t>
  </si>
  <si>
    <t>ドミンゲス・コヘイア・ジュニア・アロバロ</t>
  </si>
  <si>
    <t>（株）ライズ工業</t>
  </si>
  <si>
    <t>小林芳雄</t>
  </si>
  <si>
    <t>240-0066</t>
  </si>
  <si>
    <t>神奈川県横浜市保土ケ谷区釜台町１－３－６０２号</t>
  </si>
  <si>
    <t>045-336-2355</t>
  </si>
  <si>
    <t>ﾗｲｽﾞｺｳｷﾞｮｳ</t>
  </si>
  <si>
    <t>星川勝二</t>
  </si>
  <si>
    <t>（株）杉山興業</t>
  </si>
  <si>
    <t>小杉山レオ</t>
  </si>
  <si>
    <t>254-0825</t>
  </si>
  <si>
    <t>神奈川県平塚市撫子原２－２０－２</t>
  </si>
  <si>
    <t>0463-67-9899</t>
  </si>
  <si>
    <t>ｽｷﾞﾔﾏｺｳｷﾞｮｳ</t>
  </si>
  <si>
    <t>（株）鶴創建</t>
  </si>
  <si>
    <t>渡邊智也</t>
  </si>
  <si>
    <t>245-0061</t>
  </si>
  <si>
    <t>神奈川県横浜市戸塚区汲沢６－８－４</t>
  </si>
  <si>
    <t>045-777-2133</t>
  </si>
  <si>
    <t>ﾂﾙｿｳｹﾝ</t>
  </si>
  <si>
    <t>（株）はなりくシステム</t>
  </si>
  <si>
    <t>シントンラジャグック</t>
  </si>
  <si>
    <t>神奈川県藤沢市葛原９３７－３７</t>
  </si>
  <si>
    <t>080-4802-2004</t>
  </si>
  <si>
    <t>ﾊﾅﾘｸｼｽﾃﾑ</t>
  </si>
  <si>
    <t>シントンラジャ・グック</t>
  </si>
  <si>
    <t>（同）キセキ</t>
  </si>
  <si>
    <t>トーマ・チャーラル</t>
  </si>
  <si>
    <t>埼玉県川口市新堀１２７４－８</t>
  </si>
  <si>
    <t>070-1314-3131</t>
  </si>
  <si>
    <t>ｷｾｷ</t>
  </si>
  <si>
    <t>シャジ　マーシッドヴィスタン</t>
  </si>
  <si>
    <t>（株）大渕興業</t>
  </si>
  <si>
    <t>大渕悠夏</t>
  </si>
  <si>
    <t>336-0974</t>
  </si>
  <si>
    <t>埼玉県さいたま市緑区大字末田１８４１番地５３</t>
  </si>
  <si>
    <t>080-9349-9110</t>
  </si>
  <si>
    <t>ｵｵﾌﾞﾁｺｳｷﾞｮｳ</t>
  </si>
  <si>
    <t>大渕敦司</t>
  </si>
  <si>
    <t>（同）Ｄ．Ｒ．Ｅ</t>
  </si>
  <si>
    <t>柏谷真吾</t>
  </si>
  <si>
    <t>192-0352</t>
  </si>
  <si>
    <t>東京都八王子市大塚１８０３－１０</t>
  </si>
  <si>
    <t>042-689-6447</t>
  </si>
  <si>
    <t>ﾃﾞｨｰ ｱｰﾙ ｲｰ</t>
  </si>
  <si>
    <t>（株）青空土建</t>
  </si>
  <si>
    <t>小林幹太</t>
  </si>
  <si>
    <t>194-0202</t>
  </si>
  <si>
    <t>東京都町田市下小山田町２４９７－１</t>
  </si>
  <si>
    <t>042-798-7525</t>
  </si>
  <si>
    <t>ｱｵｿﾞﾗﾄﾞｹﾝ</t>
  </si>
  <si>
    <t>関誠</t>
  </si>
  <si>
    <t>（同）ＩＮＳ</t>
  </si>
  <si>
    <t>神奈川県横浜市金沢区富岡東１－５２－２５８０２号</t>
  </si>
  <si>
    <t>080-6749-5446</t>
  </si>
  <si>
    <t>ｱｲｴﾇｴｽ</t>
  </si>
  <si>
    <t>華川商事（株）</t>
  </si>
  <si>
    <t>華川鋭一</t>
  </si>
  <si>
    <t>285-0818</t>
  </si>
  <si>
    <t>千葉県佐倉市寺崎５４３</t>
  </si>
  <si>
    <t>043-420-8386</t>
  </si>
  <si>
    <t>ﾊﾅｶﾜｼｮｳｼﾞ</t>
  </si>
  <si>
    <t>正木工業（同）</t>
  </si>
  <si>
    <t>正木弘</t>
  </si>
  <si>
    <t>243-0041</t>
  </si>
  <si>
    <t>神奈川県厚木市緑ヶ丘４－２－４４５</t>
  </si>
  <si>
    <t>070-1642-4353</t>
  </si>
  <si>
    <t>ﾏｻｷｺｳｷﾞｮｳ</t>
  </si>
  <si>
    <t>志田解体工業（株）</t>
  </si>
  <si>
    <t>志田大輔</t>
  </si>
  <si>
    <t>埼玉県入間郡三芳町大字北永井７８６－１３</t>
  </si>
  <si>
    <t>049-258-8295</t>
  </si>
  <si>
    <t>ｼﾀﾞｶｲﾀｲｺｳｷﾞｮｳ</t>
  </si>
  <si>
    <t>（株）アンファング</t>
  </si>
  <si>
    <t>塩田治宏</t>
  </si>
  <si>
    <t>410-0873</t>
  </si>
  <si>
    <t>静岡県沼津市大諏訪８１８－１</t>
  </si>
  <si>
    <t>090-7912-5222</t>
  </si>
  <si>
    <t>ｱﾝﾌｧﾝｸﾞ</t>
  </si>
  <si>
    <t>シャプラ・インターナショナル（株）</t>
  </si>
  <si>
    <t>モバーク・ホシェ－ン</t>
  </si>
  <si>
    <t>神奈川県相模原市中央区田名６８６６</t>
  </si>
  <si>
    <t>042-764-0066</t>
  </si>
  <si>
    <t>ｼｬﾌﾟﾗｲﾝﾀｰﾅｼｮﾅﾙ</t>
  </si>
  <si>
    <t>ダリヤ　マノハルサルバトラム</t>
  </si>
  <si>
    <t>（株）ここたん</t>
  </si>
  <si>
    <t>オンコルバリシ</t>
  </si>
  <si>
    <t>339-0033</t>
  </si>
  <si>
    <t>埼玉県さいたま市岩槻区大字黒谷２０７１－２</t>
  </si>
  <si>
    <t>080-3315-1947</t>
  </si>
  <si>
    <t>ｺｺﾀﾝ</t>
  </si>
  <si>
    <t>オンコル心</t>
  </si>
  <si>
    <t>（株）新月</t>
  </si>
  <si>
    <t>ハスギュル・ジハン</t>
  </si>
  <si>
    <t>337-0034</t>
  </si>
  <si>
    <t>埼玉県さいたま市見沼区大字西山村新田６２－１</t>
  </si>
  <si>
    <t>048-797-6957</t>
  </si>
  <si>
    <t>ｼﾝｹﾞﾂ</t>
  </si>
  <si>
    <t>荒井忠継</t>
  </si>
  <si>
    <t>（株）國本技装</t>
  </si>
  <si>
    <t>國本彰治</t>
  </si>
  <si>
    <t>285-0843</t>
  </si>
  <si>
    <t>千葉県佐倉市中志津２－２５－６</t>
  </si>
  <si>
    <t>043-312-3170</t>
  </si>
  <si>
    <t>ｸﾆﾓﾄｷﾞｿｳ</t>
  </si>
  <si>
    <t>新井清光</t>
  </si>
  <si>
    <t>ブレイクビルド　吉田　大輔</t>
  </si>
  <si>
    <t>神奈川県川崎市高津区久末２０００－１サンロード久末３０２</t>
  </si>
  <si>
    <t>044-386-2429</t>
  </si>
  <si>
    <t>ﾌﾞﾚｲｸﾋﾞﾙﾄﾞﾖｼﾀﾞﾀﾞｲｽｹ</t>
  </si>
  <si>
    <t>吉田大輔</t>
  </si>
  <si>
    <t>アール環境（株）</t>
  </si>
  <si>
    <t>奥村憲司</t>
  </si>
  <si>
    <t>252-0144</t>
  </si>
  <si>
    <t>神奈川県相模原市緑区東橋本４－１－１４１０４号</t>
  </si>
  <si>
    <t>090-4934-2949</t>
  </si>
  <si>
    <t>ｱｰﾙｶﾝｷｮｳ</t>
  </si>
  <si>
    <t>中浦政治</t>
  </si>
  <si>
    <t>シアル解体（株）</t>
  </si>
  <si>
    <t>イシメミック</t>
  </si>
  <si>
    <t>244-0805</t>
  </si>
  <si>
    <t>神奈川県横浜市戸塚区川上町８６２－１</t>
  </si>
  <si>
    <t>045-299-6737</t>
  </si>
  <si>
    <t>ｼｱﾙｶｲﾀｲ</t>
  </si>
  <si>
    <t>（株）フロントライン</t>
  </si>
  <si>
    <t>髙城誠</t>
  </si>
  <si>
    <t>190-0013</t>
  </si>
  <si>
    <t>東京都立川市富士見町１－２－５</t>
  </si>
  <si>
    <t>042-595-6417</t>
  </si>
  <si>
    <t>ﾌﾛﾝﾄﾗｲﾝ</t>
  </si>
  <si>
    <t>（同）矢野興業</t>
  </si>
  <si>
    <t>矢野ダビ</t>
  </si>
  <si>
    <t>神奈川県茅ヶ崎市赤羽根３１７２－１</t>
  </si>
  <si>
    <t>070-4108-5516</t>
  </si>
  <si>
    <t>ﾔﾉｺｳｷﾞｮｳ</t>
  </si>
  <si>
    <t>ｂａｂｙ　ｅａｒｔｈ　大福　秀俊</t>
  </si>
  <si>
    <t>195-0063</t>
  </si>
  <si>
    <t>東京都町田市野津田町２６９２－１</t>
  </si>
  <si>
    <t>042-734-5243</t>
  </si>
  <si>
    <t>ﾍﾞｲﾋﾞｰ ｱｰｽ ﾀﾞｲﾌｸ ﾋﾃﾞﾄｼ</t>
  </si>
  <si>
    <t>大福秀俊</t>
  </si>
  <si>
    <t>（株）宮崎興業</t>
  </si>
  <si>
    <t>宮﨑健人</t>
  </si>
  <si>
    <t>198-0023</t>
  </si>
  <si>
    <t>東京都青梅市今井３－２４－４６</t>
  </si>
  <si>
    <t>042-827-4981</t>
  </si>
  <si>
    <t>ﾐﾔｻﾞｷｺｳｷﾞｮｳ</t>
  </si>
  <si>
    <t>（株）昇栄</t>
  </si>
  <si>
    <t>新倉昇</t>
  </si>
  <si>
    <t>神奈川県綾瀬市落合南４－１９－１３</t>
  </si>
  <si>
    <t>070-8449-6169</t>
  </si>
  <si>
    <t>ｼｮｳｴｲ</t>
  </si>
  <si>
    <t>（同）ＡＫＣＡ</t>
  </si>
  <si>
    <t>キジコグル・フィダン</t>
  </si>
  <si>
    <t>332-0031</t>
  </si>
  <si>
    <t>埼玉県川口市青木５－８－７－１０３志陽ハイツ</t>
  </si>
  <si>
    <t>080-6526-1210</t>
  </si>
  <si>
    <t>ｱｸﾁｬ</t>
  </si>
  <si>
    <t>キジコグル・バイラム</t>
  </si>
  <si>
    <t>（株）Ｏｏｍｉｙａコーポレーション</t>
  </si>
  <si>
    <t>星野可依</t>
  </si>
  <si>
    <t>338-0837</t>
  </si>
  <si>
    <t>埼玉県さいたま市桜区田島７－２４</t>
  </si>
  <si>
    <t>090-1266-3024</t>
  </si>
  <si>
    <t>ｵｵﾐﾔｺｰﾎﾟﾚｰｼｮﾝ</t>
  </si>
  <si>
    <t>芸浩（同）</t>
  </si>
  <si>
    <t>于成竜</t>
  </si>
  <si>
    <t>231-0026</t>
  </si>
  <si>
    <t>神奈川県横浜市中区寿町２－８－１武夷ビル２０１</t>
  </si>
  <si>
    <t>080-4631-1012</t>
  </si>
  <si>
    <t>ｹﾞｲｺｳ</t>
  </si>
  <si>
    <t>（株）グンリックロジスティクス</t>
  </si>
  <si>
    <t>青柳斉之</t>
  </si>
  <si>
    <t>101-0038</t>
  </si>
  <si>
    <t>東京都千代田区神田美倉町９</t>
  </si>
  <si>
    <t>03-3526-2373</t>
  </si>
  <si>
    <t>ｸﾞﾝﾘｯｼﾞﾛｼﾞｽﾃｨｸｽ</t>
  </si>
  <si>
    <t>佐々木孝</t>
  </si>
  <si>
    <t>アスラントゥルク・オズギュル</t>
  </si>
  <si>
    <t>111-0031</t>
  </si>
  <si>
    <t>東京都台東区千束３－１１－１</t>
  </si>
  <si>
    <t>080-6648-4803</t>
  </si>
  <si>
    <t>（株）順和商事</t>
  </si>
  <si>
    <t>和田剛</t>
  </si>
  <si>
    <t>343-0102</t>
  </si>
  <si>
    <t>埼玉県北葛飾郡松伏町築比地９２３番地２</t>
  </si>
  <si>
    <t>048-992-2591</t>
  </si>
  <si>
    <t>ｼﾞｭﾝﾜｼｮｳｼﾞ</t>
  </si>
  <si>
    <t>ＤＵＮＤＡＲＶＡＫＫＡＳ</t>
  </si>
  <si>
    <t>未築建設（株）</t>
  </si>
  <si>
    <t>チャン・ドゥック・ラム</t>
  </si>
  <si>
    <t>253-0008</t>
  </si>
  <si>
    <t>神奈川県茅ヶ崎市芹沢２９－１</t>
  </si>
  <si>
    <t>090-1211-1091</t>
  </si>
  <si>
    <t>ﾐﾂﾞｷｹﾝｾﾂ</t>
  </si>
  <si>
    <t>（株）エココスモ</t>
  </si>
  <si>
    <t>髙木孝行</t>
  </si>
  <si>
    <t>227-0064</t>
  </si>
  <si>
    <t>神奈川県横浜市青葉区田奈町７８－２０－ｃ</t>
  </si>
  <si>
    <t>045-507-3926</t>
  </si>
  <si>
    <t>ｴｺｺｽﾓ</t>
  </si>
  <si>
    <t>渡邉則和</t>
  </si>
  <si>
    <t>ＪＳＫ工業　ＯＺＡＫＩ　ＤＥ　ＳＯＵＺＡ　ＪＯＮＡＴＨＡＮ</t>
  </si>
  <si>
    <t>神奈川県綾瀬市大上５－１２－１５ボーヌンク相模野１０３</t>
  </si>
  <si>
    <t>080-4120-2775</t>
  </si>
  <si>
    <t>ｼﾞｪｲｴｽｹｰｺｳｷﾞｮｳ ｵｻﾞｷ ﾃﾞ ｿｳｻﾞ ｼﾞｮﾅﾀﾝ</t>
  </si>
  <si>
    <t>オザキ　デ　ソウザジョナタン</t>
  </si>
  <si>
    <t>（株）わたる建設</t>
  </si>
  <si>
    <t>清水則之</t>
  </si>
  <si>
    <t>251-0003</t>
  </si>
  <si>
    <t>神奈川県藤沢市柄沢１－１８－１５Ｋコーポ５－１０２号</t>
  </si>
  <si>
    <t>0466-27-2022</t>
  </si>
  <si>
    <t>ﾜﾀﾙｹﾝｾﾂ</t>
  </si>
  <si>
    <t>大前健一</t>
  </si>
  <si>
    <t>アリノ（株）</t>
  </si>
  <si>
    <t>アルトバシ・アリ・オジャック</t>
  </si>
  <si>
    <t>267-0067</t>
  </si>
  <si>
    <t>千葉県千葉市緑区あすみが丘東５－１９－１６</t>
  </si>
  <si>
    <t>090-9575-0718</t>
  </si>
  <si>
    <t>ｱﾘﾉ</t>
  </si>
  <si>
    <t>（株）アカカイト</t>
  </si>
  <si>
    <t>ジャンポラットミラス</t>
  </si>
  <si>
    <t>埼玉県川口市青木３－９－２０レオパレスオグラⅢ２０７</t>
  </si>
  <si>
    <t>070-4474-1005</t>
  </si>
  <si>
    <t>ｱｶｶｲﾄ</t>
  </si>
  <si>
    <t>ジャンポラット・ミラス</t>
  </si>
  <si>
    <t>（同）アリトス</t>
  </si>
  <si>
    <t>布施沙緒里</t>
  </si>
  <si>
    <t>185-0011</t>
  </si>
  <si>
    <t>東京都国分寺市本多１－１－１３</t>
  </si>
  <si>
    <t>042-401-0281</t>
  </si>
  <si>
    <t>ｱﾘﾄｽ</t>
  </si>
  <si>
    <t>布施学</t>
  </si>
  <si>
    <t>（株）ＳＤＭ工業</t>
  </si>
  <si>
    <t>クムルジャ・フセイン</t>
  </si>
  <si>
    <t>336-0033</t>
  </si>
  <si>
    <t>埼玉県さいたま市曲本４－２－１８－１０５</t>
  </si>
  <si>
    <t>048-877-2727</t>
  </si>
  <si>
    <t>ｴｽﾃﾞｨｰｴﾑｺｳｷﾞｮｳ</t>
  </si>
  <si>
    <t>ＢＬＯＯＭ　小濵　萌</t>
  </si>
  <si>
    <t>292-0807</t>
  </si>
  <si>
    <t>千葉県木更津市請西南４－１１－１４</t>
  </si>
  <si>
    <t>0438-73-8735</t>
  </si>
  <si>
    <t>ﾌﾞﾙｰﾑ ｵﾊﾞﾏ ﾓｴ</t>
  </si>
  <si>
    <t>小濵慎吾</t>
  </si>
  <si>
    <t>ＶＡＲＧＡＳ　ＴＯＲＲＥＳ　ＲＯＢＩＮ　ＪＵＮＩＯＲ　ＫＥＮＹＯ</t>
  </si>
  <si>
    <t>330-0801</t>
  </si>
  <si>
    <t>埼玉県さいたま市土手町１－２７－４スカイコート大宮第２　２－３０２</t>
  </si>
  <si>
    <t>080-7567-5772</t>
  </si>
  <si>
    <t>ﾊﾞﾙｶﾞｽ ﾄｰﾚｽ ﾛﾋﾞﾝ ｼﾞｭﾆｱ ｹﾝﾖ</t>
  </si>
  <si>
    <t>バルガス　トーレスロビン　ジュニア</t>
  </si>
  <si>
    <t>（株）総美</t>
  </si>
  <si>
    <t>小川喜功</t>
  </si>
  <si>
    <t>339-0002</t>
  </si>
  <si>
    <t>埼玉県岩槻市裏慈恩寺２３０－４</t>
  </si>
  <si>
    <t>048-794-1199</t>
  </si>
  <si>
    <t>ｿｳﾋﾞ</t>
  </si>
  <si>
    <t>坂口浩二</t>
  </si>
  <si>
    <t>（株）山田産業</t>
  </si>
  <si>
    <t>山田陽一</t>
  </si>
  <si>
    <t>146-0081</t>
  </si>
  <si>
    <t>東京都大田区仲池上２－２３－１７エンゼルハイム仲池上２０６</t>
  </si>
  <si>
    <t>03-3753-7056</t>
  </si>
  <si>
    <t>ﾔﾏﾀﾞｻﾝｷﾞｮｳ</t>
  </si>
  <si>
    <t>（株）レヴィックス</t>
  </si>
  <si>
    <t>若林友洋</t>
  </si>
  <si>
    <t>297-0036</t>
  </si>
  <si>
    <t>千葉県茂原市上永吉１６６１－４</t>
  </si>
  <si>
    <t>0475-37-9032</t>
  </si>
  <si>
    <t>ﾚｳﾞｨｯｸｽ</t>
  </si>
  <si>
    <t>（有）加藤商事</t>
  </si>
  <si>
    <t>加藤洋之</t>
  </si>
  <si>
    <t>254-0053</t>
  </si>
  <si>
    <t>神奈川県平塚市桜ケ丘５－４５ウインディア湘南Ｃ－１０２</t>
  </si>
  <si>
    <t>0463-34-8275</t>
  </si>
  <si>
    <t>ｶﾄｳｼｮｳｼﾞ</t>
  </si>
  <si>
    <t>飯沼　秀行</t>
  </si>
  <si>
    <t>252-1121</t>
  </si>
  <si>
    <t>神奈川県綾瀬市小園１２５４－８</t>
  </si>
  <si>
    <t>0467-81-3097</t>
  </si>
  <si>
    <t>ｲｲﾇﾏ ﾋﾃﾞﾕｷ</t>
  </si>
  <si>
    <t>飯沼秀行</t>
  </si>
  <si>
    <t>ヒマリ（株）</t>
  </si>
  <si>
    <t>ケケッジェ・美咲</t>
  </si>
  <si>
    <t>埼玉県川口市赤芝新田</t>
  </si>
  <si>
    <t>080-5739-0108</t>
  </si>
  <si>
    <t>ﾋﾏﾘ</t>
  </si>
  <si>
    <t>アース　川島　啓太</t>
  </si>
  <si>
    <t>210-0821</t>
  </si>
  <si>
    <t>神奈川県川崎市川崎区殿町１－１５－１３デューク２０１</t>
  </si>
  <si>
    <t>080-5023-3227</t>
  </si>
  <si>
    <t>ｱｰｽ ｶﾜｼﾏ ｹｲﾀ</t>
  </si>
  <si>
    <t>川島啓太</t>
  </si>
  <si>
    <t>ダイシン（同）</t>
  </si>
  <si>
    <t>大塚丈明</t>
  </si>
  <si>
    <t>245-0007</t>
  </si>
  <si>
    <t>神奈川県横浜市泉区桂坂２－５</t>
  </si>
  <si>
    <t>045-315-3677</t>
  </si>
  <si>
    <t>ﾀﾞｲｼﾝ</t>
  </si>
  <si>
    <t>田代洋二</t>
  </si>
  <si>
    <t>（同）ミトウ建設</t>
  </si>
  <si>
    <t>美藤伸</t>
  </si>
  <si>
    <t>252-0229</t>
  </si>
  <si>
    <t>神奈川県相模原市中央区弥栄１－１７－１２サンライフⅢ２０２</t>
  </si>
  <si>
    <t>042-753-7470</t>
  </si>
  <si>
    <t>ﾐﾄｳｹﾝｾﾂ</t>
  </si>
  <si>
    <t>（株）琉</t>
  </si>
  <si>
    <t>イリディリム愛子</t>
  </si>
  <si>
    <t>336-0043</t>
  </si>
  <si>
    <t>埼玉県さいたま市南区円正寺４００</t>
  </si>
  <si>
    <t>050-3152-1837</t>
  </si>
  <si>
    <t>ﾘｭｳ</t>
  </si>
  <si>
    <t>イリディリムハカン</t>
  </si>
  <si>
    <t>ＡＭＯＲＩＭ工業　ＨＡＲＡ　ＡＭＯＲＩＭ　ＲＯＤＲＩＧＯ</t>
  </si>
  <si>
    <t>神奈川県大和市福田１８１１－１第２メゾンミドリ２０３号</t>
  </si>
  <si>
    <t>089-9362-4741</t>
  </si>
  <si>
    <t>ｱﾓﾘﾝｺｳｷﾞｮｳ ﾊﾗ ｱﾏﾘﾝ ﾛﾄﾞﾘｺﾞ</t>
  </si>
  <si>
    <t>ハラ　アモリンロドリゴ</t>
  </si>
  <si>
    <t>（株）ＳＫＹ　ＥＡＲＣＴＨ</t>
  </si>
  <si>
    <t>髙久知明</t>
  </si>
  <si>
    <t>123-0864</t>
  </si>
  <si>
    <t>東京都足立区鹿浜四丁目２２－２２６鈴木ビル１０３</t>
  </si>
  <si>
    <t>03-5647-9130</t>
  </si>
  <si>
    <t>ｽｶｲｱｰｸｽ</t>
  </si>
  <si>
    <t>（株）ブレークプラン・フカサワ</t>
  </si>
  <si>
    <t>深沢文史郎</t>
  </si>
  <si>
    <t>133-0056</t>
  </si>
  <si>
    <t>東京都江戸川区南小岩６－２８－６</t>
  </si>
  <si>
    <t>03-6875-7883</t>
  </si>
  <si>
    <t>ﾌﾞﾚｰｸﾌﾟﾗﾝ ﾌｶｻﾜ</t>
  </si>
  <si>
    <t>（株）グローリー</t>
  </si>
  <si>
    <t>アルパミルザ</t>
  </si>
  <si>
    <t>233-0003</t>
  </si>
  <si>
    <t>神奈川県横浜市港南区港南５－１３－４</t>
  </si>
  <si>
    <t>090-1805-9016</t>
  </si>
  <si>
    <t>ｸﾞﾛｰﾘｰ</t>
  </si>
  <si>
    <t>Ｌｉｂｅｒｔｙ　計良　幸太</t>
  </si>
  <si>
    <t>252-0136</t>
  </si>
  <si>
    <t>神奈川県相模原市緑区上九沢２４３－３０コーポみなみ１０３</t>
  </si>
  <si>
    <t>070-3885-2013</t>
  </si>
  <si>
    <t>ﾘﾊﾃｨｰ ｹﾗ ｺｳﾀ</t>
  </si>
  <si>
    <t>計良幸太</t>
  </si>
  <si>
    <t>（株）諭江建設</t>
  </si>
  <si>
    <t>佐藤諭</t>
  </si>
  <si>
    <t>241-0032</t>
  </si>
  <si>
    <t>神奈川県横浜市旭区今宿東町８４３－４８</t>
  </si>
  <si>
    <t>090-2624-0414</t>
  </si>
  <si>
    <t>ｻﾄｴｹﾝｾﾂ</t>
  </si>
  <si>
    <t>（株）モリケン</t>
  </si>
  <si>
    <t>大森義浩</t>
  </si>
  <si>
    <t>213-0001</t>
  </si>
  <si>
    <t>神奈川県川崎市高津区溝口５－２２－６</t>
  </si>
  <si>
    <t>044-850-8252</t>
  </si>
  <si>
    <t>ﾓﾘｹﾝ</t>
  </si>
  <si>
    <t>共栄技建　萩生田　粋生</t>
  </si>
  <si>
    <t>192-0351</t>
  </si>
  <si>
    <t>東京都八王子市東中野２００１－２４</t>
  </si>
  <si>
    <t>080-4950-3188</t>
  </si>
  <si>
    <t>ｷﾖｳｴｲｷﾞｹﾝ ﾊｷﾞｳﾀﾞ ｲｷ</t>
  </si>
  <si>
    <t>奥山哲也</t>
  </si>
  <si>
    <t>（株）ヤクシン埼玉</t>
  </si>
  <si>
    <t>埼玉県越谷市南越谷１－５－１サンモール１Ｆ</t>
  </si>
  <si>
    <t>048-940-1813</t>
  </si>
  <si>
    <t>ﾔｸｼﾝｻｲﾀﾏ</t>
  </si>
  <si>
    <t>（株）ｆｒｏｍＤ</t>
  </si>
  <si>
    <t>森谷大地</t>
  </si>
  <si>
    <t>241-0832</t>
  </si>
  <si>
    <t>神奈川県横浜市旭区桐が作１６５３－３</t>
  </si>
  <si>
    <t>045-530-9800</t>
  </si>
  <si>
    <t>ﾌﾛﾑﾃﾞｨｰ</t>
  </si>
  <si>
    <t>（株）吉見工業</t>
  </si>
  <si>
    <t>宮園悦子</t>
  </si>
  <si>
    <t>299-1152</t>
  </si>
  <si>
    <t>千葉県君津市久保９７７－３</t>
  </si>
  <si>
    <t>0439-52-9460</t>
  </si>
  <si>
    <t>ﾖｼﾐｺｳｷﾞｮｳ</t>
  </si>
  <si>
    <t>井上浩一</t>
  </si>
  <si>
    <t>（株）ＴＡＩＹＯ</t>
  </si>
  <si>
    <t>梅田大海</t>
  </si>
  <si>
    <t>神奈川県横浜市港北区下田町３－１３－２０－１０１</t>
  </si>
  <si>
    <t>044-752-0025</t>
  </si>
  <si>
    <t>ﾀｲﾖｳ</t>
  </si>
  <si>
    <t>（株）Ｃｌａｉｒ</t>
  </si>
  <si>
    <t>飯嶋基理</t>
  </si>
  <si>
    <t>141-0031</t>
  </si>
  <si>
    <t>東京都品川区西五反田２－１８－３グレイス五反田２０３</t>
  </si>
  <si>
    <t>03-6417-0443</t>
  </si>
  <si>
    <t>ｸﾚｱ</t>
  </si>
  <si>
    <t>（有）関永</t>
  </si>
  <si>
    <t>須永一磨</t>
  </si>
  <si>
    <t>361-0036</t>
  </si>
  <si>
    <t>埼玉県行田市樋上３５２－２</t>
  </si>
  <si>
    <t>048-594-9855</t>
  </si>
  <si>
    <t>ｶﾝｴｲ</t>
  </si>
  <si>
    <t>酒谷冠奈</t>
  </si>
  <si>
    <t>驚翔興業　馬場　和也</t>
  </si>
  <si>
    <t>190-1224</t>
  </si>
  <si>
    <t>東京都西多摩郡瑞穂町南平２－３５－６</t>
  </si>
  <si>
    <t>090-5546-0415</t>
  </si>
  <si>
    <t>ｹｲｼｮｳｺｳｷﾞｮｳ ﾊﾞﾊﾞ ｶｽﾞﾔ</t>
  </si>
  <si>
    <t>馬場和也</t>
  </si>
  <si>
    <t>（株）一心</t>
  </si>
  <si>
    <t>ユルドゥルム・オメル</t>
  </si>
  <si>
    <t>260-0041</t>
  </si>
  <si>
    <t>千葉県千葉市中央区東千葉２－６－１７３５号</t>
  </si>
  <si>
    <t>080-5016-2017</t>
  </si>
  <si>
    <t>ｲｯｼﾝ</t>
  </si>
  <si>
    <t>生和商事（同）</t>
  </si>
  <si>
    <t>須々田しほ</t>
  </si>
  <si>
    <t>神奈川県横浜市瀬谷区竹村町３－３０</t>
  </si>
  <si>
    <t>045-873-9027</t>
  </si>
  <si>
    <t>ｾｲﾜｼｮｳｼﾞ</t>
  </si>
  <si>
    <t>フローレスアガピト・ファン　アレハンドロ</t>
  </si>
  <si>
    <t>東建エンタプライズ（株）</t>
  </si>
  <si>
    <t>林憲一</t>
  </si>
  <si>
    <t>183-0001</t>
  </si>
  <si>
    <t>東京都府中市浅間町２－８－７２Ｆ</t>
  </si>
  <si>
    <t>042-370-1521</t>
  </si>
  <si>
    <t>ﾄｳｹﾝｴﾝﾀｰﾌﾟﾗｲｽﾞ</t>
  </si>
  <si>
    <t>（株）ウニクム</t>
  </si>
  <si>
    <t>佐藤心平</t>
  </si>
  <si>
    <t>350-1305</t>
  </si>
  <si>
    <t>埼玉県狭山市入間川２－３１－１１</t>
  </si>
  <si>
    <t>04-2968-5780</t>
  </si>
  <si>
    <t>ｳﾆｸﾑ</t>
  </si>
  <si>
    <t>（株）リスクベネフィット神奈川</t>
  </si>
  <si>
    <t>山口真心</t>
  </si>
  <si>
    <t>220-0003</t>
  </si>
  <si>
    <t>神奈川県横浜市西区楠町１－３ＢＬＡ横浜西口ビル７０５号</t>
  </si>
  <si>
    <t>0463-79-5886</t>
  </si>
  <si>
    <t>ﾘｽｸﾍﾈﾌｨｯﾄｶﾅｶﾞﾜ</t>
  </si>
  <si>
    <t>（株）ＢＡＲＩＳ</t>
  </si>
  <si>
    <t>ユルデイズバリシュ</t>
  </si>
  <si>
    <t>東京都江戸川区中葛西３－３０－１３</t>
  </si>
  <si>
    <t>080-5991-1021</t>
  </si>
  <si>
    <t>ﾊﾞﾘｼｭ</t>
  </si>
  <si>
    <t>ユルデイズムザフェル</t>
  </si>
  <si>
    <t>（株）東京フロント</t>
  </si>
  <si>
    <t>宮田義久</t>
  </si>
  <si>
    <t>271-0092</t>
  </si>
  <si>
    <t>千葉県松戸市松戸６１８－１ライオンズマンション松戸柿ノ木台２１６号</t>
  </si>
  <si>
    <t>047-367-8584</t>
  </si>
  <si>
    <t>ﾄｳｷｮｳﾌﾛﾝﾄ</t>
  </si>
  <si>
    <t>（株）新雄興業</t>
  </si>
  <si>
    <t>佐川和良</t>
  </si>
  <si>
    <t>299-0109</t>
  </si>
  <si>
    <t>千葉県市原市千種５－１０－１１</t>
  </si>
  <si>
    <t>043-441-4256</t>
  </si>
  <si>
    <t>ｼﾝﾕｳｺｳｷﾞｮｳ</t>
  </si>
  <si>
    <t>（株）県央資源センター</t>
  </si>
  <si>
    <t>笠間久恵</t>
  </si>
  <si>
    <t>神奈川県綾瀬市早川３０８５</t>
  </si>
  <si>
    <t>0467-77-1020</t>
  </si>
  <si>
    <t>ｹﾝｵｳｼｹﾞﾝｾﾝﾀｰ</t>
  </si>
  <si>
    <t>緒方進太郎</t>
  </si>
  <si>
    <t>（株）寅</t>
  </si>
  <si>
    <t>ボズバユハリル</t>
  </si>
  <si>
    <t>343-0803</t>
  </si>
  <si>
    <t>埼玉県越谷市砂原字沼之方３６３－１</t>
  </si>
  <si>
    <t>048-973-7428</t>
  </si>
  <si>
    <t>ﾄﾗ</t>
  </si>
  <si>
    <t>（株）竹内建設</t>
  </si>
  <si>
    <t>笹川慎太郎</t>
  </si>
  <si>
    <t>254-0021</t>
  </si>
  <si>
    <t>神奈川県平塚市長瀞１－１４</t>
  </si>
  <si>
    <t>046-325-0600</t>
  </si>
  <si>
    <t>ﾀｹｳﾁｹﾝｾﾂ</t>
  </si>
  <si>
    <t>竹内逸也</t>
  </si>
  <si>
    <t>（株）Ｔｏｒｕｓ</t>
  </si>
  <si>
    <t>北村秀夫</t>
  </si>
  <si>
    <t>231-0033</t>
  </si>
  <si>
    <t>神奈川県横浜市中区長者町２－５－１４４０２</t>
  </si>
  <si>
    <t>045-307-3721</t>
  </si>
  <si>
    <t>ﾄｰﾗｽ</t>
  </si>
  <si>
    <t>北村貞耕</t>
  </si>
  <si>
    <t>（株）美成工業</t>
  </si>
  <si>
    <t>成相かおる</t>
  </si>
  <si>
    <t>343-0025</t>
  </si>
  <si>
    <t>埼玉県越谷市大沢５９８－１９</t>
  </si>
  <si>
    <t>070-2621-8286</t>
  </si>
  <si>
    <t>ﾋﾞｾｲｺｳｷﾞｮｳ</t>
  </si>
  <si>
    <t>ＥＲＣＡＬＡＧＡＮＡＢＤＵＬＬＡ</t>
  </si>
  <si>
    <t>ＴＲＣ（同）</t>
  </si>
  <si>
    <t>菅大蔵</t>
  </si>
  <si>
    <t>123-0842</t>
  </si>
  <si>
    <t>東京都足立区栗原３－１０－１９４０７</t>
  </si>
  <si>
    <t>03-3848-5272</t>
  </si>
  <si>
    <t>ﾃｨｰｱｰﾙｼｰ</t>
  </si>
  <si>
    <t>吉岡幸一</t>
  </si>
  <si>
    <t>ハマズワークス（株）</t>
  </si>
  <si>
    <t>横濱貢市</t>
  </si>
  <si>
    <t>183-0022</t>
  </si>
  <si>
    <t>東京都府中市宮西町３－６－１</t>
  </si>
  <si>
    <t>042-203-3831</t>
  </si>
  <si>
    <t>ﾊﾏｽﾞﾜｰｸｽ</t>
  </si>
  <si>
    <t>リサイクルクリーンサポート（株）</t>
  </si>
  <si>
    <t>千葉定秋</t>
  </si>
  <si>
    <t>411-0917</t>
  </si>
  <si>
    <t>静岡県駿東郡清水町徳倉２１６７－１３</t>
  </si>
  <si>
    <t>055-931-5177</t>
  </si>
  <si>
    <t>ﾘｻｲｸﾙｸﾘｰﾝｻﾎﾟｰﾄ</t>
  </si>
  <si>
    <t>（株）Ｆｉｎｅ</t>
  </si>
  <si>
    <t>佐藤和俊</t>
  </si>
  <si>
    <t>216-0031</t>
  </si>
  <si>
    <t>神奈川県川崎市宮前区神木本町５－１５－３１</t>
  </si>
  <si>
    <t>044-852-7202</t>
  </si>
  <si>
    <t>ﾌｧｲﾝ</t>
  </si>
  <si>
    <t>石原　鍾煕</t>
  </si>
  <si>
    <t>252-0312</t>
  </si>
  <si>
    <t>神奈川県相模原市南区相南４－２４－４１７０１号</t>
  </si>
  <si>
    <t>090-2916-2832</t>
  </si>
  <si>
    <t>ｲｼﾊﾗ ｶﾈﾋﾛ</t>
  </si>
  <si>
    <t>石原鍾煕</t>
  </si>
  <si>
    <t>（株）フラット興業</t>
  </si>
  <si>
    <t>崎濱フラット</t>
  </si>
  <si>
    <t>195-0062</t>
  </si>
  <si>
    <t>東京都町田市大蔵町２０７－２－１０３号</t>
  </si>
  <si>
    <t>080-7085-0117</t>
  </si>
  <si>
    <t>ﾌﾗｯﾄｺｳｷﾞｮｳ</t>
  </si>
  <si>
    <t>義工業　田村　義明</t>
  </si>
  <si>
    <t>252-0181</t>
  </si>
  <si>
    <t>神奈川県相模原市緑区佐野川３４６７－２</t>
  </si>
  <si>
    <t>090-7415-7636</t>
  </si>
  <si>
    <t>ﾖｼｺｳｷﾞｮｳ ﾀﾑﾗﾖｼｱｷ</t>
  </si>
  <si>
    <t>田村義明</t>
  </si>
  <si>
    <t>ＤＩＮＯ（株）</t>
  </si>
  <si>
    <t>ＧＥＮＣＭＥＨＭＥＴ</t>
  </si>
  <si>
    <t>339-0027</t>
  </si>
  <si>
    <t>埼玉県岩槻市大字尾ケ崎１６６４番地１</t>
  </si>
  <si>
    <t>048-876-8866</t>
  </si>
  <si>
    <t>ﾃﾞｨｰﾉ</t>
  </si>
  <si>
    <t>内野直美</t>
  </si>
  <si>
    <t>（株）フロンティア</t>
  </si>
  <si>
    <t>萩田靖志</t>
  </si>
  <si>
    <t>160-0022</t>
  </si>
  <si>
    <t>東京都新宿区新宿２－１４－６第一早川屋ビル５０１</t>
  </si>
  <si>
    <t>03-5361-6001</t>
  </si>
  <si>
    <t>ﾌﾛﾝﾃｨｱ</t>
  </si>
  <si>
    <t>玉代勢武</t>
  </si>
  <si>
    <t>ｔｒｕｓｔｙ（株）</t>
  </si>
  <si>
    <t>原田翼</t>
  </si>
  <si>
    <t>210-0843</t>
  </si>
  <si>
    <t>神奈川県川崎市川崎区小田栄２－１－５－１４２４</t>
  </si>
  <si>
    <t>044-223-8617</t>
  </si>
  <si>
    <t>ﾄﾗｽﾃｨ</t>
  </si>
  <si>
    <t>（株）ＦＩＧＡＲＯ</t>
  </si>
  <si>
    <t>山田次朗</t>
  </si>
  <si>
    <t>233-0016</t>
  </si>
  <si>
    <t>神奈川県横浜市港南区下永谷６丁目３２－１７</t>
  </si>
  <si>
    <t>045-392-8250</t>
  </si>
  <si>
    <t>ﾌｨｶﾞﾛ</t>
  </si>
  <si>
    <t>（株）協栄</t>
  </si>
  <si>
    <t>猪野元祐輔</t>
  </si>
  <si>
    <t>197-0802</t>
  </si>
  <si>
    <t>東京都あきる野市草花２９４０－１</t>
  </si>
  <si>
    <t>090-1697-7207</t>
  </si>
  <si>
    <t>（有）加藤興業</t>
  </si>
  <si>
    <t>加藤周悟</t>
  </si>
  <si>
    <t>250-0021</t>
  </si>
  <si>
    <t>神奈川県小田原市早川１－１１－７カトウハイツ２０２</t>
  </si>
  <si>
    <t>0465-24-1231</t>
  </si>
  <si>
    <t>ｶﾄｳｺｳｷﾞｮｳ</t>
  </si>
  <si>
    <t>（株）ワイエスコーポレーション</t>
  </si>
  <si>
    <t>金髙悠太</t>
  </si>
  <si>
    <t>356-0059</t>
  </si>
  <si>
    <t>埼玉県ふじみ野市桜ケ丘１－１０－６５</t>
  </si>
  <si>
    <t>049-293-1337</t>
  </si>
  <si>
    <t>ﾜｲｴｽｺｰﾎﾟﾚｰｼｮﾝ</t>
  </si>
  <si>
    <t>Ｎｅｗ　Ａｇｅ　福田　啓太</t>
  </si>
  <si>
    <t>226-0022</t>
  </si>
  <si>
    <t>神奈川県横浜市緑区青砥町３２２－２サンメゾンヒラニ７号館　２０２号室</t>
  </si>
  <si>
    <t>080-4407-0865</t>
  </si>
  <si>
    <t>ﾆｭｰ ｴｲｼﾞ ﾌｸﾀﾞ ｹｲﾀ</t>
  </si>
  <si>
    <t>福田啓太</t>
  </si>
  <si>
    <t>（同）さくま</t>
  </si>
  <si>
    <t>ＯＺＵＣＡＲＧＩＬＤＥＮＩＺ</t>
  </si>
  <si>
    <t>埼玉県川口市芝中田二丁目３１番２１－２０５号</t>
  </si>
  <si>
    <t>090-6700-2732</t>
  </si>
  <si>
    <t>ｺﾞｳﾄﾞｳｶﾞｲｼｬ ｻｸﾏ</t>
  </si>
  <si>
    <t>誠信（株）</t>
  </si>
  <si>
    <t>関口友二郎</t>
  </si>
  <si>
    <t>232-0033</t>
  </si>
  <si>
    <t>神奈川県横浜市南区中村町４－２７８－１２関口ビル３Ｂ</t>
  </si>
  <si>
    <t>045-341-3954</t>
  </si>
  <si>
    <t>ｾｲｼﾝ</t>
  </si>
  <si>
    <t>曹堅☆</t>
  </si>
  <si>
    <t>（株）ＤＯＤ</t>
  </si>
  <si>
    <t>堀井俊吾</t>
  </si>
  <si>
    <t>277-0053</t>
  </si>
  <si>
    <t>千葉県柏市酒井根７－３－１３</t>
  </si>
  <si>
    <t>04-7157-0126</t>
  </si>
  <si>
    <t>ﾃﾞｨｰｵｰﾃﾞｨｰ</t>
  </si>
  <si>
    <t>宮本正</t>
  </si>
  <si>
    <t>（株）ライオンコーポレーション</t>
  </si>
  <si>
    <t>チカン・ファティ</t>
  </si>
  <si>
    <t>埼玉県川口市前川１－１３－１５ヴィラ川口３０３号</t>
  </si>
  <si>
    <t>080-7957-8729</t>
  </si>
  <si>
    <t>ﾗｲｵﾝｺｰﾎﾟﾚｰｼｮﾝ</t>
  </si>
  <si>
    <t>Ｍ＆Ｋ　松浦　圭一</t>
  </si>
  <si>
    <t>神奈川県横浜市泉区上飯田町３８１１番地１ファミールハイムⅡ　２０３号</t>
  </si>
  <si>
    <t>045-392-6897</t>
  </si>
  <si>
    <t>ｴﾑｱﾝﾄﾞｹｲ ﾏﾂｳﾗ ｹｲｲﾁ</t>
  </si>
  <si>
    <t>松浦圭一</t>
  </si>
  <si>
    <t>ＨＭ　ＪＡＰＡＮ　（株）</t>
  </si>
  <si>
    <t>ドルドゥルメメット</t>
  </si>
  <si>
    <t>335-0001</t>
  </si>
  <si>
    <t>埼玉県蕨市北町一丁目２９－１４ウェルハイムワラビ２０７</t>
  </si>
  <si>
    <t>070-3625-9150</t>
  </si>
  <si>
    <t>ｴｲﾁｴﾑｼﾞｬﾊﾟﾝ</t>
  </si>
  <si>
    <t>原洋介</t>
  </si>
  <si>
    <t>（同）アリ工業</t>
  </si>
  <si>
    <t>ウチャルアリ</t>
  </si>
  <si>
    <t>埼玉県川口市西新井宿字北田１０６２番地１</t>
  </si>
  <si>
    <t>048-229-1145</t>
  </si>
  <si>
    <t>ｱﾘｺｳｷﾞｮｳ</t>
  </si>
  <si>
    <t>善央工業　善利　貴</t>
  </si>
  <si>
    <t>193-0813</t>
  </si>
  <si>
    <t>東京都八王子市四谷町７４３－２ＤｅａｒＣｏｕｒｔ花音　２０１</t>
  </si>
  <si>
    <t>042-641-3376</t>
  </si>
  <si>
    <t>ｾﾞﾝｵｳｺｳｷﾞｮｳ ｾﾞﾝﾘ ﾀｶｼ</t>
  </si>
  <si>
    <t>善利貴</t>
  </si>
  <si>
    <t>永伸建設工業　福永　直</t>
  </si>
  <si>
    <t>223-0057</t>
  </si>
  <si>
    <t>神奈川県横浜市港北区新羽町１１２０－１－２０６</t>
  </si>
  <si>
    <t>045-594-8659</t>
  </si>
  <si>
    <t>ｴｲｼﾝｹﾝｾﾂｺｳｷﾞｮｳ ﾌｸﾅｶﾞ ﾅｵ</t>
  </si>
  <si>
    <t>福永直</t>
  </si>
  <si>
    <t>（株）ＡＫＡＲＩ</t>
  </si>
  <si>
    <t>ベニジエ・エルタン</t>
  </si>
  <si>
    <t>332-0021</t>
  </si>
  <si>
    <t>埼玉県川口市西川口６－１８－３０、１０１号室</t>
  </si>
  <si>
    <t>090-4379-0716</t>
  </si>
  <si>
    <t>ｱｶﾘ</t>
  </si>
  <si>
    <t>ＢＥＮＩＣＥＥＲＴＡＮ</t>
  </si>
  <si>
    <t>（株）ＯＳＥＷＡ</t>
  </si>
  <si>
    <t>オズチャルギルハリル</t>
  </si>
  <si>
    <t>339-0014</t>
  </si>
  <si>
    <t>埼玉県さいたま市岩槻区大戸８９８</t>
  </si>
  <si>
    <t>048-797-6397</t>
  </si>
  <si>
    <t>ｵｾﾜ</t>
  </si>
  <si>
    <t>オズチャルギル春那</t>
  </si>
  <si>
    <t>（株）Ｕ．Ｍコーポレーション</t>
  </si>
  <si>
    <t>ゼンギンウムト</t>
  </si>
  <si>
    <t>341-0044</t>
  </si>
  <si>
    <t>埼玉県三郷市戸ケ崎３１４８－５</t>
  </si>
  <si>
    <t>048-948-8850</t>
  </si>
  <si>
    <t>ﾕｰｴﾑｺｰﾎﾟﾚｰｼｮﾝ</t>
  </si>
  <si>
    <t>有馬拳斗</t>
  </si>
  <si>
    <t>（株）巧将</t>
  </si>
  <si>
    <t>小川巧将</t>
  </si>
  <si>
    <t>208-0022</t>
  </si>
  <si>
    <t>東京都武蔵村山市榎３－７５－７</t>
  </si>
  <si>
    <t>080-4127-9991</t>
  </si>
  <si>
    <t>エム・エー・サービス　望月　徹男</t>
  </si>
  <si>
    <t>252-0216</t>
  </si>
  <si>
    <t>神奈川県相模原市中央区清新８－６－３－１０２</t>
  </si>
  <si>
    <t>042-756-1492</t>
  </si>
  <si>
    <t>ｴﾑ ｴｰ ｻｰﾋﾞｽ  ﾓﾁﾂﾞｷ ﾃﾂｵ</t>
  </si>
  <si>
    <t>望月徹男</t>
  </si>
  <si>
    <t>秋芳工業　江尻　秋夫</t>
  </si>
  <si>
    <t>120-0002</t>
  </si>
  <si>
    <t>東京都足立区中川１－４－１７</t>
  </si>
  <si>
    <t>090-5504-8159</t>
  </si>
  <si>
    <t>ｱｷﾖｼｺｳｷﾞｮｳ ｴｼﾞﾘ ｱｷｵ</t>
  </si>
  <si>
    <t>江尻秋夫</t>
  </si>
  <si>
    <t>（株）一番</t>
  </si>
  <si>
    <t>柳沢亮</t>
  </si>
  <si>
    <t>337-0053</t>
  </si>
  <si>
    <t>埼玉県さいたま市見沼区大和田町１－１９２３</t>
  </si>
  <si>
    <t>048-671-0056</t>
  </si>
  <si>
    <t>ｲﾁﾊﾞﾝ</t>
  </si>
  <si>
    <t>双柳興業（株）</t>
  </si>
  <si>
    <t>鈴木昭司</t>
  </si>
  <si>
    <t>357-0021</t>
  </si>
  <si>
    <t>埼玉県飯能市大字双柳４６８－１２</t>
  </si>
  <si>
    <t>042-972-8194</t>
  </si>
  <si>
    <t>ﾅﾐﾔﾅｷﾞｺｳｷﾞｮｳ</t>
  </si>
  <si>
    <t>（株）Ｈ産業</t>
  </si>
  <si>
    <t>デニズ・アフメット</t>
  </si>
  <si>
    <t>埼玉県川口市石神１９９７－１</t>
  </si>
  <si>
    <t>090-1770-9023</t>
  </si>
  <si>
    <t>ｴｲﾁｻﾝｷﾞｮｳ</t>
  </si>
  <si>
    <t>吉澤博文</t>
  </si>
  <si>
    <t>（株）ｇｒｅｅｎ</t>
  </si>
  <si>
    <t>松下太治</t>
  </si>
  <si>
    <t>042-696-3934</t>
  </si>
  <si>
    <t>ｸﾞﾘｰﾝ</t>
  </si>
  <si>
    <t>小島解体工業　小島　靖広</t>
  </si>
  <si>
    <t>238-0225</t>
  </si>
  <si>
    <t>神奈川県三浦市三崎町小網代２９８－６９</t>
  </si>
  <si>
    <t>046-895-6281</t>
  </si>
  <si>
    <t>ｺｼﾞﾏｶｲﾀｲｺｳｷﾞｮｳ ｺｼﾞﾏ ﾔｽﾋﾛ</t>
  </si>
  <si>
    <t>小島靖広</t>
  </si>
  <si>
    <t>（株）ＴＯＭＡ</t>
  </si>
  <si>
    <t>トーマアリハイダル</t>
  </si>
  <si>
    <t>埼玉県川口市前川２－３－１２</t>
  </si>
  <si>
    <t>080-5077-0402</t>
  </si>
  <si>
    <t>ﾄｰﾏ</t>
  </si>
  <si>
    <t>田中正之</t>
  </si>
  <si>
    <t>（株）ＨＡＲＵＮ　ＣＯＲＰＯＲＡＴＩＯＮ</t>
  </si>
  <si>
    <t>チカン・ハルン</t>
  </si>
  <si>
    <t>埼玉県川口市前川４－２９－１１セジュール前川Ⅲ－２０２</t>
  </si>
  <si>
    <t>080-5974-2013</t>
  </si>
  <si>
    <t>ﾊﾙﾝ ｺｰﾎﾟﾚｰｼｮﾝ</t>
  </si>
  <si>
    <t>サウザーアーキテクツ（株）</t>
  </si>
  <si>
    <t>羽賀ユリア</t>
  </si>
  <si>
    <t>233-0004</t>
  </si>
  <si>
    <t>神奈川県横浜市港南区港南中央通８－３６笠原ビル　３Ｆ</t>
  </si>
  <si>
    <t>045-845-6216</t>
  </si>
  <si>
    <t>ｻｳｻﾞｰｱｰｷﾃｸﾂ</t>
  </si>
  <si>
    <t>羽賀護</t>
  </si>
  <si>
    <t>アクシス（株）</t>
  </si>
  <si>
    <t>小野智史</t>
  </si>
  <si>
    <t>193-0834</t>
  </si>
  <si>
    <t>東京都八王子市東浅川町５４９</t>
  </si>
  <si>
    <t>042-673-7144</t>
  </si>
  <si>
    <t>ｱｸｼｽ</t>
  </si>
  <si>
    <t>（株）菊成工業</t>
  </si>
  <si>
    <t>菊田成起</t>
  </si>
  <si>
    <t>175-0093</t>
  </si>
  <si>
    <t>東京都板橋区赤塚新町３－２５－９</t>
  </si>
  <si>
    <t>03-6315-6188</t>
  </si>
  <si>
    <t>ｷｸｾｲｺｳｷﾞｮｳ</t>
  </si>
  <si>
    <t>（株）アート・ワン</t>
  </si>
  <si>
    <t>堤さゆり</t>
  </si>
  <si>
    <t>164-0011</t>
  </si>
  <si>
    <t>東京都中野区中央４－５４－１１階</t>
  </si>
  <si>
    <t>03-6300-6913</t>
  </si>
  <si>
    <t>ｱｰﾄﾜﾝ</t>
  </si>
  <si>
    <t>堤大介</t>
  </si>
  <si>
    <t>（株）ＳＡＢＲＩ</t>
  </si>
  <si>
    <t>ＹＵＣＥＬＳＡＢＲＩ</t>
  </si>
  <si>
    <t>333-0805</t>
  </si>
  <si>
    <t>埼玉県川口市戸塚鋏町３２－１３－２</t>
  </si>
  <si>
    <t>080-3354-3838</t>
  </si>
  <si>
    <t>ｻﾌﾞﾘ</t>
  </si>
  <si>
    <t>知念弘</t>
  </si>
  <si>
    <t>未来美建（株）</t>
  </si>
  <si>
    <t>葉山誠一</t>
  </si>
  <si>
    <t>232-0021</t>
  </si>
  <si>
    <t>神奈川県横浜市南区真金町２－１８－５０１</t>
  </si>
  <si>
    <t>045-253-4898</t>
  </si>
  <si>
    <t>ﾐﾗｲﾋﾞｹﾝ</t>
  </si>
  <si>
    <t>ＡＣＴＲＩＳＥ　國尾　僚太</t>
  </si>
  <si>
    <t>神奈川県高座郡寒川町一之宮３－１８－５２</t>
  </si>
  <si>
    <t>0467-95-0358</t>
  </si>
  <si>
    <t>ｱｸﾄﾗｲｽﾞ ｸﾆｵ ﾘｮｳﾀ</t>
  </si>
  <si>
    <t>國尾僚太</t>
  </si>
  <si>
    <t>（株）富士総業</t>
  </si>
  <si>
    <t>吉野栄里子</t>
  </si>
  <si>
    <t>260-0001</t>
  </si>
  <si>
    <t>千葉県千葉市中央区南生実町６１７－６</t>
  </si>
  <si>
    <t>043-235-3888</t>
  </si>
  <si>
    <t>ﾌｼﾞｿｳｷﾞｮｳ</t>
  </si>
  <si>
    <t>星野直登</t>
  </si>
  <si>
    <t>（株）渡利解体</t>
  </si>
  <si>
    <t>渡邊優利</t>
  </si>
  <si>
    <t>115-0051</t>
  </si>
  <si>
    <t>東京都北区浮間２－１７－１０</t>
  </si>
  <si>
    <t>090-6149-4999</t>
  </si>
  <si>
    <t>ﾜﾀﾘｶｲﾀｲ</t>
  </si>
  <si>
    <t>（株）ＣＯＮＮＥＣＴ</t>
  </si>
  <si>
    <t>川滿達史</t>
  </si>
  <si>
    <t>221-0001</t>
  </si>
  <si>
    <t>神奈川県横浜市神奈川区西寺尾２－１３－７１階</t>
  </si>
  <si>
    <t>045-434-1175</t>
  </si>
  <si>
    <t>ｺﾈｸﾄ</t>
  </si>
  <si>
    <t>川満惠昭</t>
  </si>
  <si>
    <t>（有）佐藤工事</t>
  </si>
  <si>
    <t>佐藤一博</t>
  </si>
  <si>
    <t>210-0851</t>
  </si>
  <si>
    <t>神奈川県川崎市川崎区浜町１－４－２</t>
  </si>
  <si>
    <t>044-333-5193</t>
  </si>
  <si>
    <t>ｻﾄｳｺｳｼﾞ</t>
  </si>
  <si>
    <t>（株）ＨＡＺＡＬ</t>
  </si>
  <si>
    <t>ＥＬＭＡＳＡＨＩＳＭＡＩＬ</t>
  </si>
  <si>
    <t>333-0852</t>
  </si>
  <si>
    <t>埼玉県川口市芝樋ノ爪１－１－３３富士ハイツ１０１</t>
  </si>
  <si>
    <t>080-9640-9629</t>
  </si>
  <si>
    <t>ﾊｻﾞﾙ</t>
  </si>
  <si>
    <t>エルマ・シャイスマイル</t>
  </si>
  <si>
    <t>カンドサービス　神戸　篤志</t>
  </si>
  <si>
    <t>神奈川県厚木市下荻野５７３</t>
  </si>
  <si>
    <t>090-8476-7283</t>
  </si>
  <si>
    <t>ｶﾝﾄﾞｻｰﾋﾞｽ ｶﾝﾄﾞ ｱﾂｼ</t>
  </si>
  <si>
    <t>神戸篤志</t>
  </si>
  <si>
    <t>（株）小林組</t>
  </si>
  <si>
    <t>小林由一郎</t>
  </si>
  <si>
    <t>東京都八王子市横川町９８９－２</t>
  </si>
  <si>
    <t>042-625-9990</t>
  </si>
  <si>
    <t>ｺﾊﾞﾔｼｸﾞﾐ</t>
  </si>
  <si>
    <t>ウエムラ　植村　剛</t>
  </si>
  <si>
    <t>216-0042</t>
  </si>
  <si>
    <t>神奈川県川崎市宮前区南野川２－６０－２</t>
  </si>
  <si>
    <t>044-788-9165</t>
  </si>
  <si>
    <t>ｳｴﾑﾗ ｳｴﾑﾗ ｺﾞｳ</t>
  </si>
  <si>
    <t>植村剛</t>
  </si>
  <si>
    <t>（株）トーア</t>
  </si>
  <si>
    <t>髙島貴浩</t>
  </si>
  <si>
    <t>185-0022</t>
  </si>
  <si>
    <t>東京都国分寺市東元町２－１３－３５</t>
  </si>
  <si>
    <t>042-313-9934</t>
  </si>
  <si>
    <t>ﾄｰｱ</t>
  </si>
  <si>
    <t>（株）まちなみ</t>
  </si>
  <si>
    <t>小板橋洋之</t>
  </si>
  <si>
    <t>150-0043</t>
  </si>
  <si>
    <t>東京都渋谷区道玄坂２－９－２</t>
  </si>
  <si>
    <t>03-6455-2841</t>
  </si>
  <si>
    <t>ﾏﾁﾅﾐ</t>
  </si>
  <si>
    <t>尾﨑裕介</t>
  </si>
  <si>
    <t>（株）大石鋼業</t>
  </si>
  <si>
    <t>大石洋</t>
  </si>
  <si>
    <t>210-0861</t>
  </si>
  <si>
    <t>神奈川県川崎市川崎区小島町４－４</t>
  </si>
  <si>
    <t>044-277-1956</t>
  </si>
  <si>
    <t>ｵｵｲｼｺｳｷﾞｮｳ</t>
  </si>
  <si>
    <t>大石哲</t>
  </si>
  <si>
    <t>（株）髙橋工業</t>
  </si>
  <si>
    <t>髙橋勲</t>
  </si>
  <si>
    <t>230-0001</t>
  </si>
  <si>
    <t>神奈川県横浜市鶴見区矢向４－２３－２</t>
  </si>
  <si>
    <t>090-5306-1528</t>
  </si>
  <si>
    <t>ﾀｶﾊｼｺｳｷﾞｮｳ</t>
  </si>
  <si>
    <t>ＫＯＵＵＮ（株）</t>
  </si>
  <si>
    <t>ダワードルジツェレンダシ</t>
  </si>
  <si>
    <t>135-0048</t>
  </si>
  <si>
    <t>東京都江東区門前仲町１－１３－１２ＨＹＰＥＲＭＩＸ　Ｂ１</t>
  </si>
  <si>
    <t>080-4325-0247</t>
  </si>
  <si>
    <t>ｺｳﾝ</t>
  </si>
  <si>
    <t>（株）湘南未来</t>
  </si>
  <si>
    <t>土肥淳</t>
  </si>
  <si>
    <t>254-0036</t>
  </si>
  <si>
    <t>神奈川県平塚市宮松町２－５</t>
  </si>
  <si>
    <t>0463-86-6250</t>
  </si>
  <si>
    <t>ｼｮｳﾅﾝﾐﾗｲ</t>
  </si>
  <si>
    <t>川口達矢</t>
  </si>
  <si>
    <t>さいたま市緑区東浦和５－１０－１４－１０３</t>
  </si>
  <si>
    <t>048-799-3461</t>
  </si>
  <si>
    <t>（同）北栄企画</t>
  </si>
  <si>
    <t>今泉徹</t>
  </si>
  <si>
    <t>192-0912</t>
  </si>
  <si>
    <t>東京都八王子市絹ケ丘１－４－１０</t>
  </si>
  <si>
    <t>042-638-0646</t>
  </si>
  <si>
    <t>ﾎｸｴｲｷｶｸ</t>
  </si>
  <si>
    <t>（株）アラシ</t>
  </si>
  <si>
    <t>チョラクオルハン</t>
  </si>
  <si>
    <t>350-0001</t>
  </si>
  <si>
    <t>埼玉県川越市古谷上２６３１－１</t>
  </si>
  <si>
    <t>080-6547-2650</t>
  </si>
  <si>
    <t>ｱﾗｼ</t>
  </si>
  <si>
    <t>辻　昭二</t>
  </si>
  <si>
    <t>290-0056</t>
  </si>
  <si>
    <t>千葉県市原市五井１８２０－１</t>
  </si>
  <si>
    <t>080-6768-8014</t>
  </si>
  <si>
    <t>ﾂｼﾞ ｼｮｳｼﾞ</t>
  </si>
  <si>
    <t>辻昭二</t>
  </si>
  <si>
    <t>歩興業（株）</t>
  </si>
  <si>
    <t>　熊田哲郎</t>
  </si>
  <si>
    <t>220-0051</t>
  </si>
  <si>
    <t>神奈川県横浜市西区中央１－１９－５ー９０４</t>
  </si>
  <si>
    <t>045-534-5387</t>
  </si>
  <si>
    <t>ｱﾕﾐｺｳｷﾞｮｳ</t>
  </si>
  <si>
    <t>熊田哲郎</t>
  </si>
  <si>
    <t>（有）三建工業</t>
  </si>
  <si>
    <t>　粕谷三貴男</t>
  </si>
  <si>
    <t>299-0263</t>
  </si>
  <si>
    <t>千葉県袖ケ浦市奈良輪１６７９－１</t>
  </si>
  <si>
    <t>0438-60-1006</t>
  </si>
  <si>
    <t>ｻﾝｹﾝｺｳｷﾞｮｳ</t>
  </si>
  <si>
    <t>粕谷三貴男</t>
  </si>
  <si>
    <t>（株）ａｉｍ</t>
  </si>
  <si>
    <t>　阿部幾美</t>
  </si>
  <si>
    <t>238-0222</t>
  </si>
  <si>
    <t>神奈川県三浦市岬陽町２１－２４</t>
  </si>
  <si>
    <t>046-884-8872</t>
  </si>
  <si>
    <t>ｱｲﾑ</t>
  </si>
  <si>
    <t>阿部幾美</t>
  </si>
  <si>
    <t>国重・ライティング（株）</t>
  </si>
  <si>
    <t>　金子博幸</t>
  </si>
  <si>
    <t>115-0044</t>
  </si>
  <si>
    <t>東京都北区赤羽南１－２－６北都ビル４０１号</t>
  </si>
  <si>
    <t>03-6903-8281</t>
  </si>
  <si>
    <t>ｸﾆｼｹﾞﾗｲﾃｨﾝｸﾞ</t>
  </si>
  <si>
    <t>中島成之</t>
  </si>
  <si>
    <t>（株）大昭和東海</t>
  </si>
  <si>
    <t>　松尾幸雄</t>
  </si>
  <si>
    <t>神奈川県平塚市城所７７３－１</t>
  </si>
  <si>
    <t>0463-26-6781</t>
  </si>
  <si>
    <t>ﾀﾞｲｼｮｳﾜﾄｳｶｲ</t>
  </si>
  <si>
    <t>松尾幸雄</t>
  </si>
  <si>
    <t>（株）伊東工業</t>
  </si>
  <si>
    <t>　伊東正晃</t>
  </si>
  <si>
    <t>223-0052</t>
  </si>
  <si>
    <t>神奈川県横浜市港北区綱島東１－３－７</t>
  </si>
  <si>
    <t>080-2237-8613</t>
  </si>
  <si>
    <t>ｲﾄｳｺｳｷﾞｮｳ</t>
  </si>
  <si>
    <t>伊東正晃</t>
  </si>
  <si>
    <t>（株）太郎組</t>
  </si>
  <si>
    <t>　今村太郎</t>
  </si>
  <si>
    <t>236-0052</t>
  </si>
  <si>
    <t>神奈川県横浜市金沢区富岡西３－４０－９</t>
  </si>
  <si>
    <t>045-775-2855</t>
  </si>
  <si>
    <t>ﾀﾛｳｸﾞﾐ</t>
  </si>
  <si>
    <t>今村太郎</t>
  </si>
  <si>
    <t>（有）佐藤建興</t>
  </si>
  <si>
    <t>　佐藤修</t>
  </si>
  <si>
    <t>252-0111</t>
  </si>
  <si>
    <t>神奈川県相模原市緑区川尻４１１０－９</t>
  </si>
  <si>
    <t>042-782-6649</t>
  </si>
  <si>
    <t>ｻﾄｳｹﾝｺｳ</t>
  </si>
  <si>
    <t>佐藤修</t>
  </si>
  <si>
    <t>コジマ工業　小島　翔</t>
  </si>
  <si>
    <t>253-0101</t>
  </si>
  <si>
    <t>神奈川県高座郡寒川町倉見１４６０－８アウスレーゼ２０３号</t>
  </si>
  <si>
    <t>090-5790-0003</t>
  </si>
  <si>
    <t>ｺｼﾞﾏｺｳｷﾞｮｳ</t>
  </si>
  <si>
    <t>小島翔</t>
  </si>
  <si>
    <t>（株）バサロ</t>
  </si>
  <si>
    <t>ユルドゥルム・ワッカス</t>
  </si>
  <si>
    <t>埼玉県川口市北園町２番２４号フローラ北園２０１号</t>
  </si>
  <si>
    <t>048-234-4765</t>
  </si>
  <si>
    <t>ﾊﾞｻﾛ</t>
  </si>
  <si>
    <t>中村絵未里</t>
  </si>
  <si>
    <t>（株）ＮＥＷＲＯＺ</t>
  </si>
  <si>
    <t>　田村利一</t>
  </si>
  <si>
    <t>埼玉県川口市大字赤芝新田字道上５０７－１</t>
  </si>
  <si>
    <t>ﾈｳﾛｰｽﾞ</t>
  </si>
  <si>
    <t>田村利一</t>
  </si>
  <si>
    <t>（株）総合クリーンサービス</t>
  </si>
  <si>
    <t>　髙橋進也</t>
  </si>
  <si>
    <t>331-0802</t>
  </si>
  <si>
    <t>埼玉県さいたま市北区本郷町１１１７－１</t>
  </si>
  <si>
    <t>048-652-9706</t>
  </si>
  <si>
    <t>ｿｳｺﾞｳｸﾘｰﾝｻｰﾋﾞｽ</t>
  </si>
  <si>
    <t>髙橋進也</t>
  </si>
  <si>
    <t>三反町建設（株）</t>
  </si>
  <si>
    <t>　尾幡昌紀</t>
  </si>
  <si>
    <t>216-0035</t>
  </si>
  <si>
    <t>神奈川県川崎市宮前区馬絹４－２４－１３</t>
  </si>
  <si>
    <t>044-572-5600</t>
  </si>
  <si>
    <t>ｻﾝﾀﾞﾝﾏﾁｹﾝｾﾂ</t>
  </si>
  <si>
    <t>尾幡昌紀</t>
  </si>
  <si>
    <t>（株）まごころ清掃社</t>
  </si>
  <si>
    <t>　高野正道</t>
  </si>
  <si>
    <t>東京都八王子市長房町１２６－２</t>
  </si>
  <si>
    <t>042-665-1761</t>
  </si>
  <si>
    <t>ﾏｺﾞｺﾛｾｲｿｳｼｬ</t>
  </si>
  <si>
    <t>松本章嗣</t>
  </si>
  <si>
    <t>（株）ＥＮ</t>
  </si>
  <si>
    <t>バーチェブレント</t>
  </si>
  <si>
    <t>352-0012</t>
  </si>
  <si>
    <t>埼玉県新座市畑中１－１７－４９</t>
  </si>
  <si>
    <t>048-278-4097</t>
  </si>
  <si>
    <t>ｴﾝ</t>
  </si>
  <si>
    <t>（株）恵和機工</t>
  </si>
  <si>
    <t>　千葉和貴</t>
  </si>
  <si>
    <t>210-0814</t>
  </si>
  <si>
    <t>神奈川県川崎市川崎区台町４－１</t>
  </si>
  <si>
    <t>044-201-7490</t>
  </si>
  <si>
    <t>ｹｲﾜｷｺｳ</t>
  </si>
  <si>
    <t>千葉和貴</t>
  </si>
  <si>
    <t>（株）希工業</t>
  </si>
  <si>
    <t>近藤龍希</t>
  </si>
  <si>
    <t>332-0001</t>
  </si>
  <si>
    <t>埼玉県川口市朝日６－２２－２２－５</t>
  </si>
  <si>
    <t>048-446-7462</t>
  </si>
  <si>
    <t>ﾉｿﾞﾐｺｳｷﾞｮｳ</t>
  </si>
  <si>
    <t>（株）ワテル</t>
  </si>
  <si>
    <t>植木和輝</t>
  </si>
  <si>
    <t>133-0061</t>
  </si>
  <si>
    <t>東京都江戸川区篠崎町２－９－１０芹野ビル２階</t>
  </si>
  <si>
    <t>03-6661-3536</t>
  </si>
  <si>
    <t>ﾜﾃﾙ</t>
  </si>
  <si>
    <t>（株）トータルライフサポート</t>
  </si>
  <si>
    <t>　高麗卓也</t>
  </si>
  <si>
    <t>175-0083</t>
  </si>
  <si>
    <t>東京都板橋区徳丸３－２９－２</t>
  </si>
  <si>
    <t>080-1231-3687</t>
  </si>
  <si>
    <t>ﾄｰﾀﾙﾗｲﾌｻﾎﾟｰﾄ</t>
  </si>
  <si>
    <t>高麗卓也</t>
  </si>
  <si>
    <t>（株）新星興業</t>
  </si>
  <si>
    <t>　新居浩司</t>
  </si>
  <si>
    <t>335-0002</t>
  </si>
  <si>
    <t>埼玉県蕨市塚越６－２１－５－３０４</t>
  </si>
  <si>
    <t>048-291-9405</t>
  </si>
  <si>
    <t>ｼﾝｾｲｺｳｷﾞｮｳ</t>
  </si>
  <si>
    <t>三反崎幹夫</t>
  </si>
  <si>
    <t>（株）マルストランスポーテーション</t>
  </si>
  <si>
    <t>村上龍治</t>
  </si>
  <si>
    <t>210-0869</t>
  </si>
  <si>
    <t>神奈川県川崎市川崎区東扇島９２</t>
  </si>
  <si>
    <t>044-223-9621</t>
  </si>
  <si>
    <t>ﾏﾙｽﾄﾗﾝｽﾎﾟｰﾃｰｼｮﾝ</t>
  </si>
  <si>
    <t>渡部真司</t>
  </si>
  <si>
    <t>（株）ミライ</t>
  </si>
  <si>
    <t>ハラジアミールホセイニ・アマド</t>
  </si>
  <si>
    <t>359-0001</t>
  </si>
  <si>
    <t>埼玉県所沢市大字下富１４３２－９</t>
  </si>
  <si>
    <t>090-9377-7410</t>
  </si>
  <si>
    <t>ﾐﾗｲ</t>
  </si>
  <si>
    <t>ハラジアミールホセイニアマド</t>
  </si>
  <si>
    <t>ＪＡＰＡＮ　ＨＥＡＲＴ（株）</t>
  </si>
  <si>
    <t>ヨルジュ・ワッカス</t>
  </si>
  <si>
    <t>339-0034</t>
  </si>
  <si>
    <t>埼玉県岩槻市笹久保</t>
  </si>
  <si>
    <t>048-793-4986</t>
  </si>
  <si>
    <t>ｼﾞｬﾊﾟﾝﾊｰﾄ</t>
  </si>
  <si>
    <t>永岡綺春</t>
  </si>
  <si>
    <t>（株）ＤＡＩＹＡ</t>
  </si>
  <si>
    <t>ユレックメメット</t>
  </si>
  <si>
    <t>埼玉県川口市芝下３－４５－５</t>
  </si>
  <si>
    <t>048-234-2993</t>
  </si>
  <si>
    <t>ﾀﾞｲﾔ</t>
  </si>
  <si>
    <t>（株）加藤興業</t>
  </si>
  <si>
    <t>加藤イヴァン</t>
  </si>
  <si>
    <t>神奈川県横浜市泉区和泉町７８７４</t>
  </si>
  <si>
    <t>0467-37-6968</t>
  </si>
  <si>
    <t>矢部健一</t>
  </si>
  <si>
    <t>244-0815</t>
  </si>
  <si>
    <t>神奈川県横浜市戸塚区下倉田町１５９４－１</t>
  </si>
  <si>
    <t>045-719-5097</t>
  </si>
  <si>
    <t>（株）Ｍトラスティ</t>
  </si>
  <si>
    <t>ギュネシュ由樹</t>
  </si>
  <si>
    <t>179-0076</t>
  </si>
  <si>
    <t>東京都練馬区土支田１－２９－１２ファミール光が丘２０５</t>
  </si>
  <si>
    <t>03-6909-8270</t>
  </si>
  <si>
    <t>ｴﾑﾄﾗｽﾃｨ</t>
  </si>
  <si>
    <t>ＧＵＮＥＳＭＵＺＡＦＦＥＲ</t>
  </si>
  <si>
    <t>（株）翁川商会</t>
  </si>
  <si>
    <t>翁明世</t>
  </si>
  <si>
    <t>神奈川県横浜市泉区上飯田町４０２７－３</t>
  </si>
  <si>
    <t>045-568-2008</t>
  </si>
  <si>
    <t>ｵｳｶﾞﾜｼｮｳｶｲ</t>
  </si>
  <si>
    <t>大澤泰司</t>
  </si>
  <si>
    <t>（株）ＩＬＬ　ＣＲＥＷ　Ｅｘｔｅｒｉｏｒ</t>
  </si>
  <si>
    <t>赤坂友行</t>
  </si>
  <si>
    <t>神奈川県大和市下和田１３０１－４ｃｉｅｌ１０２</t>
  </si>
  <si>
    <t>046-206-7472</t>
  </si>
  <si>
    <t>ｲﾙｸﾙｰｴｸｽﾃﾘｱ</t>
  </si>
  <si>
    <t>木村一憲</t>
  </si>
  <si>
    <t>（株）満都</t>
  </si>
  <si>
    <t>巴音倉</t>
  </si>
  <si>
    <t>121-0011</t>
  </si>
  <si>
    <t>東京都足立区中央本町３－１２－１－２０５</t>
  </si>
  <si>
    <t>080-3174-2255</t>
  </si>
  <si>
    <t>ﾏﾝﾄﾞ</t>
  </si>
  <si>
    <t>（株）ホーコースステム</t>
  </si>
  <si>
    <t>高橋利幸</t>
  </si>
  <si>
    <t>198-0013</t>
  </si>
  <si>
    <t>東京都青梅市木野下２－１８４－３</t>
  </si>
  <si>
    <t>0428-34-9901</t>
  </si>
  <si>
    <t>ﾎｰｺｰｼｽﾃﾑ</t>
  </si>
  <si>
    <t>興和金属（株）</t>
  </si>
  <si>
    <t>李暁輝</t>
  </si>
  <si>
    <t>270-1415</t>
  </si>
  <si>
    <t>千葉県白井市清戸７２３－１２</t>
  </si>
  <si>
    <t>047-497-7555</t>
  </si>
  <si>
    <t>ｺｳﾜｷﾝｿﾞｸ</t>
  </si>
  <si>
    <t>吉田昇生</t>
  </si>
  <si>
    <t>（株）新日本三喜</t>
  </si>
  <si>
    <t>藤城英明</t>
  </si>
  <si>
    <t>279-0041</t>
  </si>
  <si>
    <t>千葉県浦安市堀江４－９－２９</t>
  </si>
  <si>
    <t>047-390-6001</t>
  </si>
  <si>
    <t>ｼﾝﾆﾎﾝｻﾝｷ</t>
  </si>
  <si>
    <t>山本優</t>
  </si>
  <si>
    <t>（株）松一・コーポレーション</t>
  </si>
  <si>
    <t>植松智久</t>
  </si>
  <si>
    <t>252-0336</t>
  </si>
  <si>
    <t>神奈川県相模原市南区当麻８７２－１－１０２</t>
  </si>
  <si>
    <t>042-711-9573</t>
  </si>
  <si>
    <t>ﾏﾂｲﾁｺｰﾎﾟﾚｼｮﾝ</t>
  </si>
  <si>
    <t>Ａｃｃｏｍｐｌｉｒ企画　伊藤　稔</t>
  </si>
  <si>
    <t>東京都東大和市奈良橋５－７９３－１カーサ１０５</t>
  </si>
  <si>
    <t>042-507-9976</t>
  </si>
  <si>
    <t>ｱｺﾝﾌﾟﾘｷｶｸ</t>
  </si>
  <si>
    <t>伊藤稔</t>
  </si>
  <si>
    <t>夕焼建設（名）</t>
  </si>
  <si>
    <t>ゴンザレスエドゥアルド</t>
  </si>
  <si>
    <t>252-0804</t>
  </si>
  <si>
    <t>神奈川県藤沢市湘南台５－１３－１４ヴィレッタ２０１</t>
  </si>
  <si>
    <t>080-3731-4230</t>
  </si>
  <si>
    <t>ﾕｳﾔｹｹﾝｾﾂ</t>
  </si>
  <si>
    <t>（株）コマゲネ</t>
  </si>
  <si>
    <t>ユルディズアニル</t>
  </si>
  <si>
    <t>640-8411</t>
  </si>
  <si>
    <t>和歌山県和歌山市梶取１８９－１０</t>
  </si>
  <si>
    <t>073-456-3306</t>
  </si>
  <si>
    <t>ｺﾏｹﾞﾈ</t>
  </si>
  <si>
    <t>誉興業　秋山良和</t>
  </si>
  <si>
    <t>412-0045</t>
  </si>
  <si>
    <t>静岡県御殿場市川島田１２９６－１０</t>
  </si>
  <si>
    <t>090-8187-1919</t>
  </si>
  <si>
    <t>ﾎﾏﾚｺｳｷﾞｮｳ ｱｷﾔﾏ ﾖｼｶｽﾞ</t>
  </si>
  <si>
    <t>秋山良和</t>
  </si>
  <si>
    <t>（株）ＫＡＲＡＬＩ興業</t>
  </si>
  <si>
    <t>カラリスリマン</t>
  </si>
  <si>
    <t>埼玉県川口市芝中田２－３３－１　３０３ソリッドリファイン蕨</t>
  </si>
  <si>
    <t>080-2599-4074</t>
  </si>
  <si>
    <t>ｶﾗﾘｺｳｷﾞｮｳ</t>
  </si>
  <si>
    <t>佐藤一郎</t>
  </si>
  <si>
    <t>（株）Ｔ・Ａ・Ｇ</t>
  </si>
  <si>
    <t>髙橋健</t>
  </si>
  <si>
    <t>160-0023</t>
  </si>
  <si>
    <t>東京都新宿区西新宿８－９－５セントラル西新宿Ⅰ２０１</t>
  </si>
  <si>
    <t>03-5937-5385</t>
  </si>
  <si>
    <t>ﾃｨｴｰｼﾞｰ</t>
  </si>
  <si>
    <t>（株）アファン総合解体</t>
  </si>
  <si>
    <t>冠野法子</t>
  </si>
  <si>
    <t>246-0032</t>
  </si>
  <si>
    <t>神奈川県横浜市瀬谷区南台１－３７－７－２０１</t>
  </si>
  <si>
    <t>070-8566-1648</t>
  </si>
  <si>
    <t>ｱﾌｧﾝｿｳｺﾞｳｶｲﾀｲ</t>
  </si>
  <si>
    <t>ＡＦＦＡＮ・ＢＩＮ・ＳＹＡＢＡＮ</t>
  </si>
  <si>
    <t>（株）隆神</t>
  </si>
  <si>
    <t>横田隆明</t>
  </si>
  <si>
    <t>225-0024</t>
  </si>
  <si>
    <t>神奈川県横浜市青葉区市ケ尾町１１７７－８</t>
  </si>
  <si>
    <t>045-972-8567</t>
  </si>
  <si>
    <t>ﾘｭｳｼﾝ</t>
  </si>
  <si>
    <t>（株）光昌</t>
  </si>
  <si>
    <t>金子諄哉</t>
  </si>
  <si>
    <t>神奈川県小田原市久野４２プチファミーユⅡ２０２</t>
  </si>
  <si>
    <t>090-4969-8800</t>
  </si>
  <si>
    <t>ｺｳｼｮｳ</t>
  </si>
  <si>
    <t>（株）ＪＡＰＡＮ</t>
  </si>
  <si>
    <t>カヤアフメット</t>
  </si>
  <si>
    <t>埼玉県蕨市塚越７－９－６－２０２</t>
  </si>
  <si>
    <t>090-4021-9670</t>
  </si>
  <si>
    <t>ｼﾞｬﾊﾟﾝ</t>
  </si>
  <si>
    <t>ＫＯＲＫＭＡＺＮＵＲＩ</t>
  </si>
  <si>
    <t>ベイサイド（株）</t>
  </si>
  <si>
    <t>藤山邦生</t>
  </si>
  <si>
    <t>231-0843</t>
  </si>
  <si>
    <t>神奈川県横浜市中区本郷町３－１９０－６</t>
  </si>
  <si>
    <t>090-4540-1834</t>
  </si>
  <si>
    <t>ﾍﾞｲｻｲﾄﾞ</t>
  </si>
  <si>
    <t>（株）コネクトＯＮＥ</t>
  </si>
  <si>
    <t>野口政明</t>
  </si>
  <si>
    <t>418-0037</t>
  </si>
  <si>
    <t>静岡県富士宮市安居山６８２－１</t>
  </si>
  <si>
    <t>0544-68-2630</t>
  </si>
  <si>
    <t>ｺﾈｸﾄﾜﾝ</t>
  </si>
  <si>
    <t>（株）Ｕｔｉｌｉｔｙ　Ｗｏｒｋｓ</t>
  </si>
  <si>
    <t>福田基栄</t>
  </si>
  <si>
    <t>120-0012</t>
  </si>
  <si>
    <t>東京都足立区青井２－２２－５</t>
  </si>
  <si>
    <t>050-5526-1135</t>
  </si>
  <si>
    <t>ﾕｰﾃｨﾘﾃｨｰﾜｰｸｽ</t>
  </si>
  <si>
    <t>（株）辰吉</t>
  </si>
  <si>
    <t>時田正貴</t>
  </si>
  <si>
    <t>143-0023</t>
  </si>
  <si>
    <t>東京都大田区山王１－２６－２６</t>
  </si>
  <si>
    <t>03-6429-9570</t>
  </si>
  <si>
    <t>ﾀﾂﾖｼ</t>
  </si>
  <si>
    <t>（株）ＴＯＳＨＩＮ</t>
  </si>
  <si>
    <t>小林瑞葵</t>
  </si>
  <si>
    <t>135-0061</t>
  </si>
  <si>
    <t>東京都江東区豊洲３－５－３－Ｃ－９０５</t>
  </si>
  <si>
    <t>03-6766-6360</t>
  </si>
  <si>
    <t>ﾄｵｼﾝ</t>
  </si>
  <si>
    <t>田口工業　田口公一</t>
  </si>
  <si>
    <t>233-0011</t>
  </si>
  <si>
    <t>神奈川県横浜市港南区東永谷３－４－２２</t>
  </si>
  <si>
    <t>045-435-5686</t>
  </si>
  <si>
    <t>ﾀｸﾞﾁｺｳｷﾞｮｳ ﾀｸﾞﾁﾏｻｶｽﾞ</t>
  </si>
  <si>
    <t>田口公一</t>
  </si>
  <si>
    <t>（株）ＡＲＹＡ　ＥＮＴＥＲＰＲＩＳＥ</t>
  </si>
  <si>
    <t>アリヤザンドアリレザ</t>
  </si>
  <si>
    <t>197-0004</t>
  </si>
  <si>
    <t>東京都福生市南田園２－５－４</t>
  </si>
  <si>
    <t>0428-78-2674</t>
  </si>
  <si>
    <t>ｱﾘﾔ ｴﾝﾀｰﾌﾟﾗｲｽﾞ</t>
  </si>
  <si>
    <t>谷本健志</t>
  </si>
  <si>
    <t>（株）ＳＯＲＡ</t>
  </si>
  <si>
    <t>ドゥールスンユースフ</t>
  </si>
  <si>
    <t>333-0825</t>
  </si>
  <si>
    <t>埼玉県川口市大字赤山２－１４</t>
  </si>
  <si>
    <t>080-7966-2727</t>
  </si>
  <si>
    <t>ｿﾗ</t>
  </si>
  <si>
    <t>（株）愛樹開発</t>
  </si>
  <si>
    <t>奈良秀樹</t>
  </si>
  <si>
    <t>243-0023</t>
  </si>
  <si>
    <t>神奈川県厚木市戸田２１９０－１クローバーハイツ１０３</t>
  </si>
  <si>
    <t>046-258-6364</t>
  </si>
  <si>
    <t>ｱｲｷｶｲﾊﾂ</t>
  </si>
  <si>
    <t>（株）三和ホールディング</t>
  </si>
  <si>
    <t>齊木雄</t>
  </si>
  <si>
    <t>243-0401</t>
  </si>
  <si>
    <t>神奈川県海老名市東柏ケ谷３－１４－６エスビル１Ｆ</t>
  </si>
  <si>
    <t>046-259-5805</t>
  </si>
  <si>
    <t>ｻﾝﾜﾎｰﾙﾃﾞｨﾝｸﾞ</t>
  </si>
  <si>
    <t>渡辺賀明</t>
  </si>
  <si>
    <t>秋元有朱</t>
  </si>
  <si>
    <t>221-0811</t>
  </si>
  <si>
    <t>神奈川県横浜市神奈川区斎藤分町３１－４３ネオファミーユ神大１－Ｄ</t>
  </si>
  <si>
    <t>045-900-6827</t>
  </si>
  <si>
    <t>ｴｽｹｲﾜｲ</t>
  </si>
  <si>
    <t>田房勇気</t>
  </si>
  <si>
    <t>（株）Ｔｉｇｅｒ総業</t>
  </si>
  <si>
    <t>アルスランドーガン</t>
  </si>
  <si>
    <t>343-0015</t>
  </si>
  <si>
    <t>埼玉県越谷市花田３－１１－１７ミリオーネＢ２０２</t>
  </si>
  <si>
    <t>050-532-60749</t>
  </si>
  <si>
    <t>ﾀｲｶﾞｰｿｳｷﾞｮｳ</t>
  </si>
  <si>
    <t>（株）ＡＲＩＹＡ</t>
  </si>
  <si>
    <t>クルト・ハイリ</t>
  </si>
  <si>
    <t>333-0801</t>
  </si>
  <si>
    <t>埼玉県川口市東川口４－２９－３９</t>
  </si>
  <si>
    <t>048-420-9787</t>
  </si>
  <si>
    <t>ｱﾘﾔ</t>
  </si>
  <si>
    <t>ＫＵＲＴＨＡＹＲＩ</t>
  </si>
  <si>
    <t>（株）クリアランド</t>
  </si>
  <si>
    <t>木上利一郎</t>
  </si>
  <si>
    <t>253-0035</t>
  </si>
  <si>
    <t>神奈川県茅ヶ崎市浜須賀７－７１</t>
  </si>
  <si>
    <t>0467-81-4015</t>
  </si>
  <si>
    <t>ｸﾘｱﾗﾝﾄﾞ</t>
  </si>
  <si>
    <t>港南プラスター工業（株）</t>
  </si>
  <si>
    <t>兎澤光政</t>
  </si>
  <si>
    <t>233-0013</t>
  </si>
  <si>
    <t>神奈川県横浜市港南区丸山台４－８－３０</t>
  </si>
  <si>
    <t>045-844-5790</t>
  </si>
  <si>
    <t>ｺｳﾅﾝﾌﾟﾗｽﾀｰｺｳｷﾞｮｳ</t>
  </si>
  <si>
    <t>（株）グローバルワークス</t>
  </si>
  <si>
    <t>伊藤純</t>
  </si>
  <si>
    <t>222-0033</t>
  </si>
  <si>
    <t>神奈川県横浜市港北区新横浜１－１９－３アドホックビル</t>
  </si>
  <si>
    <t>045-534-4260</t>
  </si>
  <si>
    <t>ｸﾞﾛｰﾊﾞﾙﾜｰｸｽ</t>
  </si>
  <si>
    <t>三橋夏夫</t>
  </si>
  <si>
    <t>（株）池商プロパティー</t>
  </si>
  <si>
    <t>伊藤扶美</t>
  </si>
  <si>
    <t>130-0014</t>
  </si>
  <si>
    <t>東京都墨田区亀沢３－５－１</t>
  </si>
  <si>
    <t>03-6657-3671</t>
  </si>
  <si>
    <t>ｲｹｼｮｳﾌﾟﾛﾊﾟﾃｨｰ</t>
  </si>
  <si>
    <t>池田隆</t>
  </si>
  <si>
    <t>（有）仁栄</t>
  </si>
  <si>
    <t>荒川仁</t>
  </si>
  <si>
    <t>144-0056</t>
  </si>
  <si>
    <t>東京都大田区西六郷３－２４－１２西六郷ビルＢ棟２階</t>
  </si>
  <si>
    <t>0120-726-701</t>
  </si>
  <si>
    <t>ｼﾞﾝｴｲ</t>
  </si>
  <si>
    <t>（株）アインツアッセンブラ</t>
  </si>
  <si>
    <t>西山進</t>
  </si>
  <si>
    <t>192-0154</t>
  </si>
  <si>
    <t>東京都八王子市下恩方町７１７－９</t>
  </si>
  <si>
    <t>042-652-3597</t>
  </si>
  <si>
    <t>ｱｲﾝﾂｱｯｾﾝﾌﾞﾗ</t>
  </si>
  <si>
    <t>（株）ワタライ工業</t>
  </si>
  <si>
    <t>ダ　シルバ　ルイスアントニオ</t>
  </si>
  <si>
    <t>252-1137</t>
  </si>
  <si>
    <t>神奈川県綾瀬市寺尾台１－８－２９早川マンション２０２</t>
  </si>
  <si>
    <t>0467-81-3403</t>
  </si>
  <si>
    <t>ﾜﾀﾗｲｺｳｷﾞｮｳ</t>
  </si>
  <si>
    <t>（株）アシスト</t>
  </si>
  <si>
    <t>関飛馬</t>
  </si>
  <si>
    <t>164-0002</t>
  </si>
  <si>
    <t>東京都中野区上高田２－４０－１２－４０１</t>
  </si>
  <si>
    <t>080-4456-8881</t>
  </si>
  <si>
    <t>ｱｼｽﾄ</t>
  </si>
  <si>
    <t>（同）ツツイ</t>
  </si>
  <si>
    <t>筒井伸悟</t>
  </si>
  <si>
    <t>252-0023</t>
  </si>
  <si>
    <t>神奈川県座間市立野台１－８－９</t>
  </si>
  <si>
    <t>046-257-0237</t>
  </si>
  <si>
    <t>ﾂﾂｲ</t>
  </si>
  <si>
    <t>（株）ＦＪＩ工業</t>
  </si>
  <si>
    <t>藤井美由</t>
  </si>
  <si>
    <t>埼玉県さいたま市岩槻区尾ヶ崎１７５８－２</t>
  </si>
  <si>
    <t>048-795-6038</t>
  </si>
  <si>
    <t>ｴﾌｼﾞｪｰｱｲｺｳｷﾞｮｳ</t>
  </si>
  <si>
    <t>ＣＯＬＡＫ・ＨＡＲＵＮ</t>
  </si>
  <si>
    <t>（株）大榮健工</t>
  </si>
  <si>
    <t>堤健次</t>
  </si>
  <si>
    <t>242-0001</t>
  </si>
  <si>
    <t>神奈川県大和市下鶴間２９７６－８キャッスル山金２０２</t>
  </si>
  <si>
    <t>080-1254-1305</t>
  </si>
  <si>
    <t>ﾀｲｴｲｹﾝｺｳ</t>
  </si>
  <si>
    <t>（株）龍興</t>
  </si>
  <si>
    <t>王俊国</t>
  </si>
  <si>
    <t>231-0048</t>
  </si>
  <si>
    <t>神奈川県横浜市中区蓬莱町２－４－２グランステイツ横濱２０４</t>
  </si>
  <si>
    <t>045-325-8777</t>
  </si>
  <si>
    <t>ﾘｭｳｾｲ</t>
  </si>
  <si>
    <t>（株）Ｒ＆Ｄ</t>
  </si>
  <si>
    <t>ドワンラマザン</t>
  </si>
  <si>
    <t>神奈川県愛甲郡愛川町半原１４４－２</t>
  </si>
  <si>
    <t>046-265-0355</t>
  </si>
  <si>
    <t>ｱｰﾙｱﾝﾄﾞﾃﾞｨｰ</t>
  </si>
  <si>
    <t>（有）藤和ホーム</t>
  </si>
  <si>
    <t>内藤譲</t>
  </si>
  <si>
    <t>257-0035</t>
  </si>
  <si>
    <t>神奈川県秦野市本町２－３－１８</t>
  </si>
  <si>
    <t>0463-82-8880</t>
  </si>
  <si>
    <t>ﾄｳﾜﾎｰﾑ</t>
  </si>
  <si>
    <t>（株）松元組</t>
  </si>
  <si>
    <t>松元實弘</t>
  </si>
  <si>
    <t>252-0237</t>
  </si>
  <si>
    <t>神奈川県相模原市中央区千代田７－１－３</t>
  </si>
  <si>
    <t>042-757-1877</t>
  </si>
  <si>
    <t>ﾏﾂﾓﾄｸﾞﾐ</t>
  </si>
  <si>
    <t>エーアイベーステクノロジー（同）</t>
  </si>
  <si>
    <t>星孝</t>
  </si>
  <si>
    <t>231-0021</t>
  </si>
  <si>
    <t>神奈川県横浜市中区日本大通７合人社日本大通り７ビル４Ｆ</t>
  </si>
  <si>
    <t>045-227-4230</t>
  </si>
  <si>
    <t>ｴｰｱｲﾍﾞｰｽﾃｸﾉﾛｼﾞｰ</t>
  </si>
  <si>
    <t>（株）ＳＧＫ</t>
  </si>
  <si>
    <t>瀨賀雄二</t>
  </si>
  <si>
    <t>東京都足立区中央本町５－３－７－４０３号</t>
  </si>
  <si>
    <t>070-2152-1496</t>
  </si>
  <si>
    <t>ｴｽｼﾞｰｹｰ</t>
  </si>
  <si>
    <t>（株）ＳＷＥＥＰＥＲ</t>
  </si>
  <si>
    <t>村河智徳</t>
  </si>
  <si>
    <t>236-0057</t>
  </si>
  <si>
    <t>神奈川県横浜市金沢区能見台３－８－７</t>
  </si>
  <si>
    <t>045-315-6640</t>
  </si>
  <si>
    <t>ｽｲｰﾊﾟｰ</t>
  </si>
  <si>
    <t>Ｆｏｕｒ　Ｌｅａｆ　Ｔｒａｄｉｎｇ（同）</t>
  </si>
  <si>
    <t>メエナバブエルエマヌエル</t>
  </si>
  <si>
    <t>253-0102</t>
  </si>
  <si>
    <t>神奈川県高座郡寒川町小動７７０－１</t>
  </si>
  <si>
    <t>080-5028-3093</t>
  </si>
  <si>
    <t>ﾌｫｰﾘｰﾌﾄﾚｨﾃﾞｨﾝｸﾞ</t>
  </si>
  <si>
    <t>（株）ＭＨプラス</t>
  </si>
  <si>
    <t>堀ノ内智史</t>
  </si>
  <si>
    <t>252-1136</t>
  </si>
  <si>
    <t>神奈川県綾瀬市寺尾西１－１０－１３サンハイツＣ１０１</t>
  </si>
  <si>
    <t>080-5312-4148</t>
  </si>
  <si>
    <t>ｴﾑｴｲﾁﾌﾟﾗｽ</t>
  </si>
  <si>
    <t>（株）ＯＭＥＧＡ</t>
  </si>
  <si>
    <t>オメナカ・アーロイスス・マドカ</t>
  </si>
  <si>
    <t>252-1132</t>
  </si>
  <si>
    <t>神奈川県綾瀬市寺尾中４－１－２ベルハウス１０１</t>
  </si>
  <si>
    <t>0467-73-7165</t>
  </si>
  <si>
    <t>ｵﾒｶﾞ</t>
  </si>
  <si>
    <t>日本サニテイション（株）</t>
  </si>
  <si>
    <t>植田和実</t>
  </si>
  <si>
    <t>136-0082</t>
  </si>
  <si>
    <t>東京都江東区新木場４－１－３０</t>
  </si>
  <si>
    <t>03-5534-3521</t>
  </si>
  <si>
    <t>ﾆﾎﾝｻﾆﾃｲｼｮﾝ</t>
  </si>
  <si>
    <t>熊倉智紀</t>
  </si>
  <si>
    <t>（株）パルホーム</t>
  </si>
  <si>
    <t>松崎真人</t>
  </si>
  <si>
    <t>226-0025</t>
  </si>
  <si>
    <t>神奈川県横浜市緑区十日市場町８９５－１５</t>
  </si>
  <si>
    <t>045-482-5225</t>
  </si>
  <si>
    <t>ﾊﾟﾙﾎｰﾑ</t>
  </si>
  <si>
    <t>松崎一夫</t>
  </si>
  <si>
    <t>（株）栄友</t>
  </si>
  <si>
    <t>栗山友輔</t>
  </si>
  <si>
    <t>245-0052</t>
  </si>
  <si>
    <t>神奈川県横浜市戸塚区秋葉町２５３－２４９</t>
  </si>
  <si>
    <t>090-1228-6968</t>
  </si>
  <si>
    <t>ｴｲﾕｳ</t>
  </si>
  <si>
    <t>（株）ケリー</t>
  </si>
  <si>
    <t>エルユルマズケレム</t>
  </si>
  <si>
    <t>336-0923</t>
  </si>
  <si>
    <t>埼玉県さいたま市緑区大字大間木１８３２－２ドエルコマ東浦和２０２</t>
  </si>
  <si>
    <t>080-9028-9919</t>
  </si>
  <si>
    <t>ｹﾘｰ</t>
  </si>
  <si>
    <t>泉谷昌人</t>
  </si>
  <si>
    <t>（株）Ｒｅａｌｉｚｅ</t>
  </si>
  <si>
    <t>原一平</t>
  </si>
  <si>
    <t>350-0002</t>
  </si>
  <si>
    <t>埼玉県川越市古谷本郷１４９２－５－Ｇ－１－２０２</t>
  </si>
  <si>
    <t>080-8471-6469</t>
  </si>
  <si>
    <t>ﾘｱﾗｲｽﾞ</t>
  </si>
  <si>
    <t>（株）インシュアラ</t>
  </si>
  <si>
    <t>金松裕基</t>
  </si>
  <si>
    <t>東京都足立区西新井４－３７－４</t>
  </si>
  <si>
    <t>03-5837-4868</t>
  </si>
  <si>
    <t>ｲﾝｼｭｱﾗ</t>
  </si>
  <si>
    <t>山中隆二</t>
  </si>
  <si>
    <t>（株）荒木工業</t>
  </si>
  <si>
    <t>荒木良次</t>
  </si>
  <si>
    <t>350-1155</t>
  </si>
  <si>
    <t>埼玉県川越市下赤坂６３５－１６</t>
  </si>
  <si>
    <t>049-293-5172</t>
  </si>
  <si>
    <t>ｱﾗｷｺｳｷﾞｮｳ</t>
  </si>
  <si>
    <t>磯子解体　岩永　崇広</t>
  </si>
  <si>
    <t>235-0011</t>
  </si>
  <si>
    <t>神奈川県横浜市磯子区丸山１－１５－１２プラザ丸山３０２</t>
  </si>
  <si>
    <t>045-754-2139</t>
  </si>
  <si>
    <t>ｲｿｺﾞｶｲﾀｲ ｲﾜﾅｶﾞ ﾀｶﾋﾛ</t>
  </si>
  <si>
    <t>岩永崇広</t>
  </si>
  <si>
    <t>（株）ＪＵＫＩ．ＮＥＴ</t>
  </si>
  <si>
    <t>山口昇一郎</t>
  </si>
  <si>
    <t>341-0057</t>
  </si>
  <si>
    <t>埼玉県三郷市彦沢１－１８６</t>
  </si>
  <si>
    <t>048-999-5754</t>
  </si>
  <si>
    <t>ｼﾞｭｷﾄﾞｯﾄﾈｯﾄ</t>
  </si>
  <si>
    <t>（株）ティーアール</t>
  </si>
  <si>
    <t>徳山隆太</t>
  </si>
  <si>
    <t>246-0026</t>
  </si>
  <si>
    <t>神奈川県横浜市瀬谷区阿久和南３－４０－４</t>
  </si>
  <si>
    <t>090-8175-7601</t>
  </si>
  <si>
    <t>ﾃｨｰｱｰﾙ</t>
  </si>
  <si>
    <t>（株）ヤマト</t>
  </si>
  <si>
    <t>菊地秀樹</t>
  </si>
  <si>
    <t>360-0114</t>
  </si>
  <si>
    <t>埼玉県熊谷市江南中央３－７－４</t>
  </si>
  <si>
    <t>048-539-1105</t>
  </si>
  <si>
    <t>ﾔﾏﾄ</t>
  </si>
  <si>
    <t>（株）ライズ</t>
  </si>
  <si>
    <t>眞島大紀</t>
  </si>
  <si>
    <t>神奈川県厚木市山際９２４－１６</t>
  </si>
  <si>
    <t>046-281-9170</t>
  </si>
  <si>
    <t>ﾗｲｽﾞ</t>
  </si>
  <si>
    <t>（株）ＨＯＲＡＳ</t>
  </si>
  <si>
    <t>フィルマンハトグアン　グルトン</t>
  </si>
  <si>
    <t>184-0014</t>
  </si>
  <si>
    <t>東京都小金井市貫井南町２－５－１０</t>
  </si>
  <si>
    <t>042-384-2250</t>
  </si>
  <si>
    <t>ﾎﾗｽ</t>
  </si>
  <si>
    <t>宮城アンディ</t>
  </si>
  <si>
    <t>荒井解体　荒井　正道</t>
  </si>
  <si>
    <t>神奈川県横浜市港南区上永谷３－１１－１－３０４</t>
  </si>
  <si>
    <t>070-3528-1004</t>
  </si>
  <si>
    <t>ｱﾗｲｶｲﾀｲｱﾗｲﾏｻﾐﾁ</t>
  </si>
  <si>
    <t>荒井正道</t>
  </si>
  <si>
    <t>ＤＲＥＡＭ　ＤＥＳＩＧＮ　３Ｄ（株）</t>
  </si>
  <si>
    <t>トルコグルメメット</t>
  </si>
  <si>
    <t>埼玉県さいたま市緑区中尾１１６９－１１</t>
  </si>
  <si>
    <t>048-716-8504</t>
  </si>
  <si>
    <t>ﾄﾞﾘｰﾑﾃﾞｻﾞｲﾝｽﾘｰﾃﾞｨｰ</t>
  </si>
  <si>
    <t>トルコグル直子</t>
  </si>
  <si>
    <t>ＦＥＲＮＡＮＤＯ　ＨＡＲＡ　ＤＥ　ＭＩＲＡＮＤＡ</t>
  </si>
  <si>
    <t>神奈川県藤沢市長後８３４－３パトラル湘南１０３</t>
  </si>
  <si>
    <t>090-6126-3949</t>
  </si>
  <si>
    <t>ﾌｪﾙﾅﾝﾄﾞﾊﾗﾃﾞﾐﾗﾝﾀﾞ</t>
  </si>
  <si>
    <t>ＦＥＲＮＡＮＤＯＨＡＲＡＤＥ　ＭＩＲ</t>
  </si>
  <si>
    <t>（株）折鶴建設</t>
  </si>
  <si>
    <t>ウチャログルムスタファ</t>
  </si>
  <si>
    <t>埼玉県さいたま市岩槻区釣上新田８９３－２</t>
  </si>
  <si>
    <t>048-795-4737</t>
  </si>
  <si>
    <t>ｵﾘﾂﾞﾙｹﾝｾﾂ</t>
  </si>
  <si>
    <t>木ノ葉（株）</t>
  </si>
  <si>
    <t>金井健一</t>
  </si>
  <si>
    <t>352-0032</t>
  </si>
  <si>
    <t>埼玉県新座市新堀１－４－７</t>
  </si>
  <si>
    <t>090-1431-4177</t>
  </si>
  <si>
    <t>ｺﾉﾊ</t>
  </si>
  <si>
    <t>（同）ＡＭＵＵ</t>
  </si>
  <si>
    <t>デルゲルサイハンウーガンバータル</t>
  </si>
  <si>
    <t>東京都江東区門前仲町１－１３－１２ＨＹＰＥＲＭＩＸ　Ｂ１　ＲＯＯＭ１</t>
  </si>
  <si>
    <t>080-4385-9191</t>
  </si>
  <si>
    <t>ｱﾑｰ</t>
  </si>
  <si>
    <t>エンクボルドドゥルゴーン</t>
  </si>
  <si>
    <t>（株）スターオジョ</t>
  </si>
  <si>
    <t>ゼンギンハサン</t>
  </si>
  <si>
    <t>333-0802</t>
  </si>
  <si>
    <t>埼玉県川口市戸塚東２－１２－８窪内マンション３０１号</t>
  </si>
  <si>
    <t>080-5501-9393</t>
  </si>
  <si>
    <t>ｽﾀｰｵｼﾞｮ</t>
  </si>
  <si>
    <t>ゼンキンハサン</t>
  </si>
  <si>
    <t>（株）クラトモビルメイク</t>
  </si>
  <si>
    <t>伴久之</t>
  </si>
  <si>
    <t>東京都大田区蒲田５－４０－１６蒲燃第３ビル６階</t>
  </si>
  <si>
    <t>03-3735-3751</t>
  </si>
  <si>
    <t>ｸﾗﾄﾓﾋﾞﾙﾒｲｸ</t>
  </si>
  <si>
    <t>佐伯雅通</t>
  </si>
  <si>
    <t>（株）丸貴工業</t>
  </si>
  <si>
    <t>阿部貴明</t>
  </si>
  <si>
    <t>252-0141</t>
  </si>
  <si>
    <t>神奈川県相模原市緑区相原２－２１－８ラーバン相原１０２</t>
  </si>
  <si>
    <t>042-772-0177</t>
  </si>
  <si>
    <t>ﾏﾙﾀｶｺｳｷﾞｮｳ</t>
  </si>
  <si>
    <t>阿部智彦</t>
  </si>
  <si>
    <t>ＢＡＴ（同）</t>
  </si>
  <si>
    <t>ゾルバヤルバトエレデネ</t>
  </si>
  <si>
    <t>東京都葛飾区東金町２－７－２１－３０１</t>
  </si>
  <si>
    <t>080-7572-0209</t>
  </si>
  <si>
    <t>ﾊﾞﾄ</t>
  </si>
  <si>
    <t>王衛東</t>
  </si>
  <si>
    <t>（株）よいしょ</t>
  </si>
  <si>
    <t>伊場優</t>
  </si>
  <si>
    <t>260-0006</t>
  </si>
  <si>
    <t>千葉県千葉市中央区道場北２－２－８道場北町マンション３０７号室</t>
  </si>
  <si>
    <t>043-306-3697</t>
  </si>
  <si>
    <t>ﾖｲｼｮ</t>
  </si>
  <si>
    <t>豊住翼</t>
  </si>
  <si>
    <t>三走（株）</t>
  </si>
  <si>
    <t>三石兼久</t>
  </si>
  <si>
    <t>神奈川県大和市福田３６０２－３０</t>
  </si>
  <si>
    <t>046-269-9783</t>
  </si>
  <si>
    <t>ｻﾝｿｳ</t>
  </si>
  <si>
    <t>三石秀享</t>
  </si>
  <si>
    <t>ハヤト工業　関谷　勇人</t>
  </si>
  <si>
    <t>神奈川県相模原市中央区上溝４０３－１</t>
  </si>
  <si>
    <t>090-4812-7572</t>
  </si>
  <si>
    <t>ﾊﾔﾄｺｳｷﾞｮｳ ｾｷﾔﾊﾔﾄ</t>
  </si>
  <si>
    <t>関谷勇人</t>
  </si>
  <si>
    <t>（株）ＭＳＴ</t>
  </si>
  <si>
    <t>エルユルマズメスト</t>
  </si>
  <si>
    <t>333-0025</t>
  </si>
  <si>
    <t>埼玉県さいたま市岩槻区刈上新田６０７－２０グリーンハイツ１０１</t>
  </si>
  <si>
    <t>080-6764-2275</t>
  </si>
  <si>
    <t>ﾒｽﾄ</t>
  </si>
  <si>
    <t>（株）育栄</t>
  </si>
  <si>
    <t>渡邉毅</t>
  </si>
  <si>
    <t>232-0018</t>
  </si>
  <si>
    <t>神奈川県横浜市南区花之木町１－１８－９育栄ビル</t>
  </si>
  <si>
    <t>045-731-8585</t>
  </si>
  <si>
    <t>ｲｸｴｲ</t>
  </si>
  <si>
    <t>林青輝</t>
  </si>
  <si>
    <t>（株）鎌形総業</t>
  </si>
  <si>
    <t>鎌形将多</t>
  </si>
  <si>
    <t>289-1727</t>
  </si>
  <si>
    <t>千葉県山武郡横芝光町宮川４６１４－８</t>
  </si>
  <si>
    <t>0479-84-0982</t>
  </si>
  <si>
    <t>ｶﾏｶﾞﾀｿｳｷﾞｮｳ</t>
  </si>
  <si>
    <t>（株）ＷＡＫＵＹＡ</t>
  </si>
  <si>
    <t>佐々木哲夫</t>
  </si>
  <si>
    <t>278-0025</t>
  </si>
  <si>
    <t>千葉県野田市今上１１３０－５</t>
  </si>
  <si>
    <t>04-7193-8268</t>
  </si>
  <si>
    <t>ﾜｸﾔ</t>
  </si>
  <si>
    <t>（有）オフィスワダ</t>
  </si>
  <si>
    <t>和田俊昭</t>
  </si>
  <si>
    <t>神奈川県小田原市千代２０８－１</t>
  </si>
  <si>
    <t>0465-42-0970</t>
  </si>
  <si>
    <t>ｵﾌｨｽﾜﾀﾞ</t>
  </si>
  <si>
    <t>佐藤勝徳</t>
  </si>
  <si>
    <t>ケーティーシステム（株）</t>
  </si>
  <si>
    <t>194-0036</t>
  </si>
  <si>
    <t>東京都町田市木曽東１－３６－１０　リエビル２Ｆ</t>
  </si>
  <si>
    <t>042-794-7091</t>
  </si>
  <si>
    <t>ｹｰﾃｨｰｼｽﾃﾑ</t>
  </si>
  <si>
    <t>安心興業（株）</t>
  </si>
  <si>
    <t>張达華</t>
    <phoneticPr fontId="2"/>
  </si>
  <si>
    <t>246-0035</t>
  </si>
  <si>
    <t>神奈川県横浜市瀬谷区下瀬谷３－３３－１０</t>
  </si>
  <si>
    <t>080-7969-8866</t>
  </si>
  <si>
    <t>ｱﾝｼﾝｺｳｷﾞｮｳ</t>
  </si>
  <si>
    <t>（株）セイシン</t>
  </si>
  <si>
    <t>小林誠二</t>
  </si>
  <si>
    <t>193-0815</t>
  </si>
  <si>
    <t>東京都八王子市叶谷町９１２－４サンクレイドル西八王子アリア４０７号</t>
  </si>
  <si>
    <t>042-625-6045</t>
  </si>
  <si>
    <t>（株）福全建設</t>
  </si>
  <si>
    <t>＊健（藏の草冠ナシ）</t>
  </si>
  <si>
    <t>東京都足立区花畑２－４－１９</t>
  </si>
  <si>
    <t>03-5962-0368</t>
  </si>
  <si>
    <t>ﾌｸｾﾞﾝｹﾝｾﾂ</t>
  </si>
  <si>
    <t>大野和俊</t>
  </si>
  <si>
    <t>篠田斫り工業　篠田　義昭</t>
  </si>
  <si>
    <t>410-1115</t>
  </si>
  <si>
    <t>静岡県裾野市千福が丘１－５－９</t>
  </si>
  <si>
    <t>055-919-8713</t>
  </si>
  <si>
    <t>ｼﾉﾀﾞﾊﾂﾘｺｳｷﾞｮｳ ｼﾉﾀﾞ ﾖｼｱｷ</t>
  </si>
  <si>
    <t>篠田義昭</t>
  </si>
  <si>
    <t>萬友商事（同）</t>
  </si>
  <si>
    <t>山﨑瑞光</t>
  </si>
  <si>
    <t>東京都北区浮間２－１０－１２－５０５</t>
  </si>
  <si>
    <t>03-5918-8177</t>
  </si>
  <si>
    <t>ﾏﾝﾕｳｼｮｳｼﾞ</t>
  </si>
  <si>
    <t>（株）ＳＵＲＵＣ工業</t>
  </si>
  <si>
    <t>オンコルメメット　エミン</t>
  </si>
  <si>
    <t>332-0034</t>
  </si>
  <si>
    <t>埼玉県川口市並木４－２５－２０３</t>
  </si>
  <si>
    <t>080-1036-1990</t>
  </si>
  <si>
    <t>ｽﾙﾁｭｺｳｷﾞｮｳ</t>
  </si>
  <si>
    <t>オンコル美咲</t>
  </si>
  <si>
    <t>仲町産業（同）</t>
  </si>
  <si>
    <t>佐野雅司</t>
  </si>
  <si>
    <t>357-0038</t>
  </si>
  <si>
    <t>埼玉県飯能市仲町１７－１９</t>
  </si>
  <si>
    <t>042-978-7950</t>
  </si>
  <si>
    <t>ﾅｶﾏﾁｻﾝｷﾞｮｳ</t>
  </si>
  <si>
    <t>紫藤強</t>
  </si>
  <si>
    <t>家安　小山昌彦</t>
  </si>
  <si>
    <t>神奈川県小田原市千代９０４－１９</t>
  </si>
  <si>
    <t>090-5436-5137</t>
  </si>
  <si>
    <t>ｲｴﾔｽ ｵﾔﾏﾏｻﾋｺ</t>
  </si>
  <si>
    <t>小山昌彦</t>
  </si>
  <si>
    <t>（株）プレサポ</t>
  </si>
  <si>
    <t>椿勇治郎</t>
  </si>
  <si>
    <t>231-0035</t>
  </si>
  <si>
    <t>神奈川県横浜市中区千歳町１－２ＴＨビル８１４</t>
  </si>
  <si>
    <t>090-5763-3030</t>
  </si>
  <si>
    <t>ﾌﾟﾚｻﾎﾟ</t>
  </si>
  <si>
    <t>（株）Ｄ・Ｃ　Ｔｒａｄｅ</t>
  </si>
  <si>
    <t>董龍波</t>
  </si>
  <si>
    <t>207-0023</t>
  </si>
  <si>
    <t>東京都東大和市上北台２－９０２上北台住宅４－３０４</t>
  </si>
  <si>
    <t>042-507-7556</t>
  </si>
  <si>
    <t>ﾃﾞｨｰｼｰﾄﾚｲﾄﾞ</t>
  </si>
  <si>
    <t>（株）エーアールプランニング</t>
  </si>
  <si>
    <t>荒木誉幸</t>
  </si>
  <si>
    <t>東京都品川区南大井６－５－１９</t>
  </si>
  <si>
    <t>03-6410-8613</t>
  </si>
  <si>
    <t>ｴｰｱｰﾙﾌﾟﾗﾝﾆﾝｸﾞ</t>
  </si>
  <si>
    <t>（株）ラグリ</t>
  </si>
  <si>
    <t>飯塚祐太</t>
  </si>
  <si>
    <t>359-1164</t>
  </si>
  <si>
    <t>埼玉県所沢市三ケ島５－１６１６－７</t>
  </si>
  <si>
    <t>0120-176-744</t>
  </si>
  <si>
    <t>ﾗｸﾞﾘ</t>
  </si>
  <si>
    <t>川﨑宏</t>
  </si>
  <si>
    <t>リーダー（株）</t>
  </si>
  <si>
    <t>皆川オンデル</t>
  </si>
  <si>
    <t>334-0057</t>
  </si>
  <si>
    <t>埼玉県川口市大字安行原１４４９－１</t>
  </si>
  <si>
    <t>080-4155-4646</t>
  </si>
  <si>
    <t>ﾘｰﾀﾞｰ</t>
  </si>
  <si>
    <t>三浦沙織</t>
  </si>
  <si>
    <t>（有）ｍｉｎｄｓ</t>
  </si>
  <si>
    <t>中村剛</t>
  </si>
  <si>
    <t>252-1124</t>
  </si>
  <si>
    <t>神奈川県綾瀬市吉岡４２１－６</t>
  </si>
  <si>
    <t>0467-70-3363</t>
  </si>
  <si>
    <t>ﾏｲﾝｽﾞ</t>
  </si>
  <si>
    <t>関典之</t>
  </si>
  <si>
    <t>セイビ　関　典之</t>
  </si>
  <si>
    <t>221-0862</t>
  </si>
  <si>
    <t>神奈川県横浜市神奈川区三枚町１２８－１コーポラス城田２０１</t>
  </si>
  <si>
    <t>045-471-6603</t>
  </si>
  <si>
    <t>ｾｲﾋﾞ ｾｷﾉﾘﾕｷ</t>
  </si>
  <si>
    <t>（株）上原工業</t>
  </si>
  <si>
    <t>上原　ダニエル聡</t>
  </si>
  <si>
    <t>神奈川県綾瀬市早川８７９</t>
  </si>
  <si>
    <t>080-1093-0263</t>
  </si>
  <si>
    <t>ｳｴﾊﾗｺｳｷﾞｮｳ</t>
  </si>
  <si>
    <t>上原　ネルソンヨシオ</t>
  </si>
  <si>
    <t>ＫＣＣ（同）</t>
  </si>
  <si>
    <t>北島昌洋</t>
  </si>
  <si>
    <t>245-0014</t>
  </si>
  <si>
    <t>神奈川県横浜市泉区中田南１－６－１６</t>
  </si>
  <si>
    <t>080-5192-4790</t>
  </si>
  <si>
    <t>ｹｰｼｰｼｰ</t>
  </si>
  <si>
    <t>（株）三心建設</t>
  </si>
  <si>
    <t>瀬沼勇樹</t>
  </si>
  <si>
    <t>神奈川県座間市ひばりが丘１－２０－２５</t>
  </si>
  <si>
    <t>090-5820-2739</t>
  </si>
  <si>
    <t>ｻﾝｼﾝｹﾝｾﾂ</t>
  </si>
  <si>
    <t>（株）陽汰コーポレーション</t>
  </si>
  <si>
    <t>佐溝雅之</t>
  </si>
  <si>
    <t>335-0034</t>
  </si>
  <si>
    <t>埼玉県戸田市笹目８－１０－２０小林マンション１０１</t>
  </si>
  <si>
    <t>048-278-5458</t>
  </si>
  <si>
    <t>ﾋﾅﾀｺｰﾎﾟﾚｰｼｮﾝ</t>
  </si>
  <si>
    <t>（株）栗田</t>
  </si>
  <si>
    <t>栗田義令</t>
  </si>
  <si>
    <t>419-0107</t>
  </si>
  <si>
    <t>静岡県田方郡函南町平井１４６１</t>
  </si>
  <si>
    <t>055-978-4645</t>
  </si>
  <si>
    <t>ｸﾘﾀ</t>
  </si>
  <si>
    <t>（株）関真</t>
  </si>
  <si>
    <t>関谷真次</t>
  </si>
  <si>
    <t>042-711-4940</t>
  </si>
  <si>
    <t>ｾｷｼﾝ</t>
  </si>
  <si>
    <t>関谷さゆり</t>
  </si>
  <si>
    <t>（株）岡田興業</t>
  </si>
  <si>
    <t>ドルドエネス</t>
  </si>
  <si>
    <t>埼玉県川口市中青木２－１１－１５－２０２号</t>
  </si>
  <si>
    <t>090-8587-1453</t>
  </si>
  <si>
    <t>ｵｶﾀﾞｺｳｷﾞｮｳ</t>
  </si>
  <si>
    <t>長谷川信一郎</t>
  </si>
  <si>
    <t>瀬戸口　猛</t>
  </si>
  <si>
    <t>204-0001</t>
  </si>
  <si>
    <t>東京都清瀬市下宿１－１－１４－５０４号</t>
  </si>
  <si>
    <t>090-3902-3655</t>
  </si>
  <si>
    <t>ｾﾄｸﾞﾁ ﾀｹｼ</t>
  </si>
  <si>
    <t>瀬戸口猛</t>
  </si>
  <si>
    <t>（株）ＳＡＩＴＯ</t>
  </si>
  <si>
    <t>ドルスン・ケマル</t>
  </si>
  <si>
    <t>埼玉県新座市片山３－１２－１４－２０２</t>
  </si>
  <si>
    <t>080-5646-6730</t>
  </si>
  <si>
    <t>ｻｲﾄ</t>
  </si>
  <si>
    <t>ドルスンサイト</t>
  </si>
  <si>
    <t>（有）竹嶋解体興業</t>
  </si>
  <si>
    <t>竹嶋孝</t>
  </si>
  <si>
    <t>208-0035</t>
  </si>
  <si>
    <t>東京都武蔵村山市中原２－５０－３３</t>
  </si>
  <si>
    <t>042-531-1575</t>
  </si>
  <si>
    <t>ﾀｹｼﾏｶｲﾀｲｺｳｷﾞｮｳ</t>
  </si>
  <si>
    <t>（同）ＡＴＭ工業</t>
  </si>
  <si>
    <t>ＡＴＭＡＮＯＧＬＵＭＥＨＭＥＴ</t>
  </si>
  <si>
    <t>埼玉県川口市前川１－１９－５エクセレント前川２０２号</t>
  </si>
  <si>
    <t>070-3615-4481</t>
  </si>
  <si>
    <t>ｴｰﾃｨｰｴﾑｺｳｷﾞｮｳ</t>
  </si>
  <si>
    <t>（株）リトラスト</t>
  </si>
  <si>
    <t>小堀益弘</t>
  </si>
  <si>
    <t>230-0052</t>
  </si>
  <si>
    <t>神奈川県横浜市鶴見区生麦４－１９－１８－１０７号</t>
  </si>
  <si>
    <t>090-7834-3093</t>
  </si>
  <si>
    <t>ﾘﾄﾗｽﾄ</t>
  </si>
  <si>
    <t>遠山工業（株）</t>
  </si>
  <si>
    <t>遠山憲一</t>
  </si>
  <si>
    <t>203-0021</t>
  </si>
  <si>
    <t>東京都東久留米市学園町２－１－２４－２０１</t>
  </si>
  <si>
    <t>042-439-3424</t>
  </si>
  <si>
    <t>ﾄｵﾔﾏｺｳｷﾞｮｳ</t>
  </si>
  <si>
    <t>恵工務店　中野恵輔</t>
  </si>
  <si>
    <t>350-1304</t>
  </si>
  <si>
    <t>埼玉県狭山市狭山台１－１７－１カルム向坂１０３</t>
  </si>
  <si>
    <t>04-2968-5190</t>
  </si>
  <si>
    <t>ﾒｸﾞﾐｺｳﾑﾃﾝ ﾅｶﾉｹｲｽｹ</t>
  </si>
  <si>
    <t>中野恵輔</t>
  </si>
  <si>
    <t>（株）ＲＯＮＩ</t>
  </si>
  <si>
    <t>ボズバイムスタファ</t>
  </si>
  <si>
    <t>334-0053</t>
  </si>
  <si>
    <t>埼玉県川口市大字安行吉蔵４３６－５</t>
  </si>
  <si>
    <t>048-229-7144</t>
  </si>
  <si>
    <t>ﾛﾆ</t>
  </si>
  <si>
    <t>（株）横浜総建</t>
  </si>
  <si>
    <t>秦洪海</t>
  </si>
  <si>
    <t>神奈川県横浜市瀬谷区阿久和南３－３０－２</t>
  </si>
  <si>
    <t>045-489-9512</t>
  </si>
  <si>
    <t>ﾖｺﾊﾏｿｳｹﾝ</t>
  </si>
  <si>
    <t>（株）ＳＵＺＵＫＩ興業</t>
  </si>
  <si>
    <t>デュンダルメメット</t>
  </si>
  <si>
    <t>336-0965</t>
  </si>
  <si>
    <t>埼玉県さいたま市緑区大字間宮６６１－１メゾンドエトワール２０３</t>
  </si>
  <si>
    <t>080-5683-7880</t>
  </si>
  <si>
    <t>鈴木マリア</t>
  </si>
  <si>
    <t>総合建設業　名取エンタープライズ　名取聖一</t>
  </si>
  <si>
    <t>197-0814</t>
  </si>
  <si>
    <t>東京都あきる野市牛沼１５８－３</t>
  </si>
  <si>
    <t>042-532-8501</t>
  </si>
  <si>
    <t>ｿｳｺﾞｳｹﾝｾﾂｷﾞｮｳ ﾅﾄﾘｴﾝﾀｰﾌﾟﾗｲｽﾞ ﾅﾄﾘｾｲｲﾁ</t>
  </si>
  <si>
    <t>名取聖一</t>
  </si>
  <si>
    <t>早田（同）</t>
  </si>
  <si>
    <t>早田美優</t>
  </si>
  <si>
    <t>340-0046</t>
  </si>
  <si>
    <t>埼玉県草加市北谷２－３０－２５－１０９号</t>
  </si>
  <si>
    <t>048-945-0684</t>
  </si>
  <si>
    <t>ﾊﾔﾀ</t>
  </si>
  <si>
    <t>網中哲也</t>
  </si>
  <si>
    <t>（株）ソーコー</t>
  </si>
  <si>
    <t>髙田誠</t>
  </si>
  <si>
    <t>神奈川県平塚市城所８０８</t>
  </si>
  <si>
    <t>0463-54-5137</t>
  </si>
  <si>
    <t>ｿｰｺｰ</t>
  </si>
  <si>
    <t>光龍商事（株）</t>
  </si>
  <si>
    <t>遠藤光</t>
  </si>
  <si>
    <t>351-0025</t>
  </si>
  <si>
    <t>埼玉県朝霞市三原２－１６－１３</t>
  </si>
  <si>
    <t>090-1999-6075</t>
  </si>
  <si>
    <t>ｺｳﾘｭｳｼｮｳｼﾞ</t>
  </si>
  <si>
    <t>和孝商会（株）</t>
  </si>
  <si>
    <t>宇賀神孝純</t>
  </si>
  <si>
    <t>231-0806</t>
  </si>
  <si>
    <t>神奈川県横浜市中区本牧町１－２４０－１４</t>
  </si>
  <si>
    <t>045-777-0759</t>
  </si>
  <si>
    <t>ﾜｺｳｼｮｳｶｲ</t>
  </si>
  <si>
    <t>松澤真也</t>
  </si>
  <si>
    <t>勝田企画（株）</t>
  </si>
  <si>
    <t>香取毅</t>
  </si>
  <si>
    <t>224-0057</t>
  </si>
  <si>
    <t>神奈川県横浜市都筑区川和町１７１９－３２</t>
  </si>
  <si>
    <t>090-6040-3739</t>
  </si>
  <si>
    <t>ｶﾁﾀﾞｷｶｸ</t>
  </si>
  <si>
    <t>（株）小田島興業</t>
  </si>
  <si>
    <t>小田島大斗</t>
  </si>
  <si>
    <t>253-0082</t>
  </si>
  <si>
    <t>神奈川県茅ヶ崎市香川２－２４－１５</t>
  </si>
  <si>
    <t>090-6313-7007</t>
  </si>
  <si>
    <t>ｵﾀﾞｼﾏｺｳｷﾞｮｳ</t>
  </si>
  <si>
    <t>（株）ＳＥＧＥ</t>
  </si>
  <si>
    <t>サット・セファー</t>
  </si>
  <si>
    <t>157-0073</t>
  </si>
  <si>
    <t>東京都世田谷区砧７－１１－７高木ハイツ１Ｆ－１</t>
  </si>
  <si>
    <t>03-4400-0073</t>
  </si>
  <si>
    <t>ｾｹﾞ</t>
  </si>
  <si>
    <t>（株）アルフ建設</t>
  </si>
  <si>
    <t>ＫＵＲＴＩＤＲＩＳ</t>
  </si>
  <si>
    <t>埼玉県川口市戸塚東１－１－１０エレガンスシティ２０１</t>
  </si>
  <si>
    <t>080-9082-9126</t>
  </si>
  <si>
    <t>ｱﾙﾌｹﾝｾﾂ</t>
  </si>
  <si>
    <t>（有）夏希商事</t>
  </si>
  <si>
    <t>榎本好伸</t>
  </si>
  <si>
    <t>232-0066</t>
  </si>
  <si>
    <t>神奈川県横浜市南区六ツ川４－１２３１－９</t>
  </si>
  <si>
    <t>045-825-1025</t>
  </si>
  <si>
    <t>ﾅﾂｷｼｮｳｼﾞ</t>
  </si>
  <si>
    <t>Ａｓｔａｓｉａ（株）</t>
  </si>
  <si>
    <t>武山徳行</t>
  </si>
  <si>
    <t>埼玉県川口市安行領根岸８５１－５</t>
  </si>
  <si>
    <t>090-1994-1294</t>
  </si>
  <si>
    <t>ｱｽﾀｼｱ</t>
  </si>
  <si>
    <t>（株）プラスアルファ</t>
  </si>
  <si>
    <t>　崔岩</t>
  </si>
  <si>
    <t>350-1334</t>
  </si>
  <si>
    <t>埼玉県狭山市狭山４４－９</t>
  </si>
  <si>
    <t>04-2937-5558</t>
  </si>
  <si>
    <t>ﾌﾟﾗｽｱﾙﾌｧ</t>
  </si>
  <si>
    <t>黒瀬秀明</t>
  </si>
  <si>
    <t>梓工業（株）</t>
  </si>
  <si>
    <t>工藤悠紀</t>
  </si>
  <si>
    <t>神奈川県大和市深見３７０６－１５</t>
  </si>
  <si>
    <t>080-2382-6613</t>
  </si>
  <si>
    <t>ｱｽﾞｻｺｳｷﾞｮｳ</t>
  </si>
  <si>
    <t>芦樹林</t>
  </si>
  <si>
    <t>（株）髙田工業建設</t>
  </si>
  <si>
    <t>髙田光勝</t>
  </si>
  <si>
    <t>224-0003</t>
  </si>
  <si>
    <t>神奈川県横浜市都筑区中川中央１－３－７０３号</t>
  </si>
  <si>
    <t>045-912-6004</t>
  </si>
  <si>
    <t>ﾀｶﾀﾞｺｳｷﾞｮｳｹﾝｾﾂ</t>
  </si>
  <si>
    <t>タダシ工業　河野　正</t>
  </si>
  <si>
    <t>神奈川県藤沢市長後７５５－１２</t>
  </si>
  <si>
    <t>0466-90-4949</t>
  </si>
  <si>
    <t>ﾀﾀﾞｼｺｳｷﾞｮｳ ｺｳﾉﾀﾀﾞｼ</t>
  </si>
  <si>
    <t>平田ファビオコレア</t>
  </si>
  <si>
    <t>（有）西関東企画</t>
  </si>
  <si>
    <t>神奈川県平塚市城所８０３</t>
  </si>
  <si>
    <t>090-4135-8377</t>
  </si>
  <si>
    <t>ﾆｼｶﾝﾄｳｷｶｸ</t>
  </si>
  <si>
    <t>ＥＲＩ企画（株）</t>
  </si>
  <si>
    <t>越水紀行</t>
  </si>
  <si>
    <t>252-0028</t>
  </si>
  <si>
    <t>神奈川県座間市入谷東４－１－２６</t>
  </si>
  <si>
    <t>046-258-0171</t>
  </si>
  <si>
    <t>ｲｰｱｰﾙｱｲｷｶｸ</t>
  </si>
  <si>
    <t>（株）鈴村建設</t>
  </si>
  <si>
    <t>　鈴木健太</t>
  </si>
  <si>
    <t>神奈川県横浜市泉区上飯田町４１２５</t>
  </si>
  <si>
    <t>045-774-7741</t>
  </si>
  <si>
    <t>ｽｽﾞﾑﾗｹﾝｾﾂ</t>
  </si>
  <si>
    <t>鈴木健太</t>
  </si>
  <si>
    <t>（有）相模村上組</t>
  </si>
  <si>
    <t>　山本信雄</t>
  </si>
  <si>
    <t>252-0327</t>
  </si>
  <si>
    <t>神奈川県相模原市南区磯部４７８９－７</t>
  </si>
  <si>
    <t>046-254-4408</t>
  </si>
  <si>
    <t>ｻｶﾞﾐﾑﾗｶﾐｸﾞﾐ</t>
  </si>
  <si>
    <t>守屋鎭男</t>
  </si>
  <si>
    <t>秀組　菅　秀</t>
  </si>
  <si>
    <t>240-0046</t>
  </si>
  <si>
    <t>神奈川県横浜市保土ケ谷区仏向西１８－７－１</t>
  </si>
  <si>
    <t>090-6046-7954</t>
  </si>
  <si>
    <t>ｼｹﾞﾙｸﾞﾐ ｽｶﾞｼｹﾞﾙ</t>
  </si>
  <si>
    <t>菅秀</t>
  </si>
  <si>
    <t>ＷＡＴＡＮＡＢＥ</t>
  </si>
  <si>
    <t>神奈川県茅ヶ崎市芹沢２４８２</t>
  </si>
  <si>
    <t>080-3915-0404</t>
  </si>
  <si>
    <t>ﾜﾀﾅﾍﾞ</t>
  </si>
  <si>
    <t>ＷＡＴＡＮＡＢＥＢＲＵＮＯ　ＥＤＵＡ</t>
  </si>
  <si>
    <t>オフィス　エム　岡野　真理</t>
  </si>
  <si>
    <t>242-0012</t>
  </si>
  <si>
    <t>神奈川県大和市深見東１－４－１５－３０１</t>
  </si>
  <si>
    <t>046-207-7153</t>
  </si>
  <si>
    <t>ｵﾌｨｽ ｴﾑ ｵｶﾉ ﾏﾘ</t>
  </si>
  <si>
    <t>岡野真理</t>
  </si>
  <si>
    <t>（株）グローアンカー</t>
  </si>
  <si>
    <t>　長谷川育代</t>
  </si>
  <si>
    <t>240-0044</t>
  </si>
  <si>
    <t>神奈川県横浜市保土ケ谷区仏向町９５５－２</t>
  </si>
  <si>
    <t>045-744-6364</t>
  </si>
  <si>
    <t>ｸﾞﾛｰｱﾝｶｰ</t>
  </si>
  <si>
    <t>新井裕輔</t>
  </si>
  <si>
    <t>仲尾工業（株）</t>
  </si>
  <si>
    <t>仲尾清春</t>
  </si>
  <si>
    <t>290-0044</t>
  </si>
  <si>
    <t>千葉県市原市玉前西１－１－２３</t>
  </si>
  <si>
    <t>0436-24-8690</t>
  </si>
  <si>
    <t>ﾅｶｵｺｳｷﾞｮｳ</t>
  </si>
  <si>
    <t>八田工業　ＤＯＳ　ＳＡＮＴＯＳ　ＨＡＴＴＡ　ＤＥＲＥＫ</t>
  </si>
  <si>
    <t>370-0523</t>
  </si>
  <si>
    <t>群馬県邑楽郡大泉町吉田９５２－４</t>
  </si>
  <si>
    <t>080-9704-9411</t>
  </si>
  <si>
    <t>ﾊｯﾀｺｳｷﾞｮｳ ﾄﾞｽｻﾝﾄｽﾊｯﾀﾃﾞﾚｷ</t>
  </si>
  <si>
    <t>ＤＯＳ　ＳＡＮＴＯＳＨＡＴＴＡ　ＤＥＲＥ</t>
  </si>
  <si>
    <t>ヤマコウ　山田　圭一</t>
  </si>
  <si>
    <t>238-0043</t>
  </si>
  <si>
    <t>神奈川県横須賀市坂本町３－１１</t>
  </si>
  <si>
    <t>080-5934-2051</t>
  </si>
  <si>
    <t>ﾔﾏｺｳ ﾔﾏﾀﾞｹｲｲﾁ</t>
  </si>
  <si>
    <t>山田圭一</t>
  </si>
  <si>
    <t>ＭＡＩＯＬＩ　ＬＵＩＺ　ＦＥＲＮＡＮＤＯ</t>
  </si>
  <si>
    <t>神奈川県綾瀬市大上３－１０－１０テラスハウス内海西</t>
  </si>
  <si>
    <t>080-6422-7464</t>
  </si>
  <si>
    <t>ﾏｲｵﾘ ﾙｲｽ ﾌｪﾙﾅﾝﾄﾞ</t>
  </si>
  <si>
    <t>ＭＡＩＯＬＩ　ＬＵＩＦＥＲＮＡＮＤＯ</t>
  </si>
  <si>
    <t>武田　忠雄</t>
  </si>
  <si>
    <t>231-0057</t>
  </si>
  <si>
    <t>神奈川県横浜市中区曙町４－６０－１フェアネスＫ横浜４０１号</t>
  </si>
  <si>
    <t>045-261-8670</t>
  </si>
  <si>
    <t>ﾀｹﾀﾞ ﾀﾀﾞｵ</t>
  </si>
  <si>
    <t>武田忠雄</t>
  </si>
  <si>
    <t>（株）アザディ</t>
  </si>
  <si>
    <t>カラクラクタヒル</t>
  </si>
  <si>
    <t>333-0861</t>
  </si>
  <si>
    <t>埼玉県川口市柳崎５－３－３ダイアパレス東浦和Ⅱ－１０１号室</t>
  </si>
  <si>
    <t>080-5465-6896</t>
  </si>
  <si>
    <t>ｱｻﾞﾃﾞｨ</t>
  </si>
  <si>
    <t>カラクラク・タヒル</t>
  </si>
  <si>
    <t>ＩＭＰＲＥＳＳ（株）</t>
  </si>
  <si>
    <t>　松本清吾</t>
  </si>
  <si>
    <t>神奈川県横浜市神奈川区西寺尾２－１３－７－２０２</t>
  </si>
  <si>
    <t>045-642-8026</t>
  </si>
  <si>
    <t>ｲﾝﾌﾟﾚｽ</t>
  </si>
  <si>
    <t>山下慎太郎</t>
  </si>
  <si>
    <t>（株）Ｋ＆Ｈ</t>
  </si>
  <si>
    <t>新田圭介</t>
  </si>
  <si>
    <t>246-0023</t>
  </si>
  <si>
    <t>神奈川県横浜市瀬谷区阿久和東４－３４－６</t>
  </si>
  <si>
    <t>045-365-6572</t>
  </si>
  <si>
    <t>ｹｲｱﾝﾄﾞｴｲﾁ</t>
  </si>
  <si>
    <t>（同）Ａ．Ｒ．Ｓ</t>
  </si>
  <si>
    <t>アマーン☆</t>
  </si>
  <si>
    <t>254-0061</t>
  </si>
  <si>
    <t>神奈川県平塚市御殿３－７－１６アルカディア湘南２階２０１号室</t>
  </si>
  <si>
    <t>0463-65-3996</t>
  </si>
  <si>
    <t>ｴｲｱｰﾙｴｽ</t>
  </si>
  <si>
    <t>（株）スリーエム企画</t>
  </si>
  <si>
    <t>茂原康史</t>
  </si>
  <si>
    <t>174-0071</t>
  </si>
  <si>
    <t>東京都板橋区常盤台３－１２－５</t>
  </si>
  <si>
    <t>03-3967-6860</t>
  </si>
  <si>
    <t>ｽﾘｰｴﾑｷｶｸ</t>
  </si>
  <si>
    <t>（株）Ｈｉ－ＳＴＡＮＤＡＲＤ</t>
  </si>
  <si>
    <t>川述朗</t>
  </si>
  <si>
    <t>神奈川県厚木市上荻野６２８０－１２</t>
  </si>
  <si>
    <t>046-404-1277</t>
  </si>
  <si>
    <t>ﾊｲｽﾀﾝﾀﾞｰﾄﾞ</t>
  </si>
  <si>
    <t>鳥取直樹</t>
  </si>
  <si>
    <t>（株）Ｄマイルス</t>
  </si>
  <si>
    <t>古屋直人</t>
  </si>
  <si>
    <t>146-0094</t>
  </si>
  <si>
    <t>東京都大田区東矢口２－１５－６－１０１</t>
  </si>
  <si>
    <t>03-6410-5622</t>
  </si>
  <si>
    <t>ﾃﾞｨﾏｲﾙｽ</t>
  </si>
  <si>
    <t>（株）エムズトライアル</t>
  </si>
  <si>
    <t>枡澤亨</t>
  </si>
  <si>
    <t>神奈川県横浜市戸塚区汲沢町５３１－９</t>
  </si>
  <si>
    <t>045-435-5860</t>
  </si>
  <si>
    <t>ｴﾑｽﾞﾄﾗｲｱﾙ</t>
  </si>
  <si>
    <t>（株）クルーズ</t>
  </si>
  <si>
    <t>中井睦</t>
  </si>
  <si>
    <t>187-0003</t>
  </si>
  <si>
    <t>東京都小平市花小金井南町１－２１－１</t>
  </si>
  <si>
    <t>042-459-0962</t>
  </si>
  <si>
    <t>ｸﾙｰｽﾞ</t>
  </si>
  <si>
    <t>松井卓哉</t>
  </si>
  <si>
    <t>（株）山手ホームズ</t>
  </si>
  <si>
    <t>河野卓二</t>
  </si>
  <si>
    <t>231-0846</t>
  </si>
  <si>
    <t>神奈川県横浜市中区大和町２－３２－８</t>
  </si>
  <si>
    <t>045-628-3118</t>
  </si>
  <si>
    <t>ﾔﾏﾃﾎｰﾑｽﾞ</t>
  </si>
  <si>
    <t>近藤健司</t>
  </si>
  <si>
    <t>渡邊建設工業（株）</t>
  </si>
  <si>
    <t>渡邊佑</t>
  </si>
  <si>
    <t>埼玉県川口市青木４－２１－２１－１００５</t>
  </si>
  <si>
    <t>080-5464-1234</t>
  </si>
  <si>
    <t>ﾜﾀﾅﾍﾞｹﾝｾﾂｺｳｷﾞｮｳ</t>
  </si>
  <si>
    <t>（株）ＩＭ３Ｋ</t>
  </si>
  <si>
    <t>　桑原健</t>
  </si>
  <si>
    <t>338-0002</t>
  </si>
  <si>
    <t>埼玉県さいたま市中央区下落合４－１７－１８ドミール吉田１０１</t>
  </si>
  <si>
    <t>048-671-3890</t>
  </si>
  <si>
    <t>ｱｲｴﾑｻﾝｹｲ</t>
  </si>
  <si>
    <t>左秀光</t>
  </si>
  <si>
    <t>桂測量設計（株）</t>
  </si>
  <si>
    <t>　酒井崇</t>
  </si>
  <si>
    <t>202-0014</t>
  </si>
  <si>
    <t>東京都西東京市富士町６－５－１６</t>
  </si>
  <si>
    <t>04-2001-5800</t>
  </si>
  <si>
    <t>ｶﾂﾗｿｸﾘｮｳｾｯｹｲ</t>
  </si>
  <si>
    <t>酒井崇</t>
  </si>
  <si>
    <t>ＧＩＴ（同）</t>
  </si>
  <si>
    <t>ムンフサイハン・エレデネボロド</t>
  </si>
  <si>
    <t>東京都足立区鹿浜８－４－５第１２まさひろ商事ビル</t>
  </si>
  <si>
    <t>080-7184-2263</t>
  </si>
  <si>
    <t>ｼﾞｰｱｲﾃｨｰ</t>
  </si>
  <si>
    <t>呉本昇孟</t>
  </si>
  <si>
    <t>（株）ネクストゲート</t>
  </si>
  <si>
    <t>入江和美</t>
  </si>
  <si>
    <t>神奈川県横浜市保土ケ谷区法泉２－６－２４－１</t>
  </si>
  <si>
    <t>090-3343-6958</t>
  </si>
  <si>
    <t>ﾈｸｽﾄｹﾞｰﾄ</t>
  </si>
  <si>
    <t>笹山実</t>
  </si>
  <si>
    <t>（株）新起</t>
  </si>
  <si>
    <t>　五十嵐東植</t>
  </si>
  <si>
    <t>224-0032</t>
  </si>
  <si>
    <t>神奈川県横浜市都筑区茅ケ崎中央１６－６ユーデス港北４０２</t>
  </si>
  <si>
    <t>045-482-4080</t>
  </si>
  <si>
    <t>ｼﾝｷ</t>
  </si>
  <si>
    <t>番場正明</t>
  </si>
  <si>
    <t>松永塗装　松永　潤</t>
  </si>
  <si>
    <t>253-0103</t>
  </si>
  <si>
    <t>神奈川県高座郡寒川町小谷１－７－７</t>
  </si>
  <si>
    <t>0467-38-7924</t>
  </si>
  <si>
    <t>ﾏﾂﾅｶﾞﾄｿｳ ﾏﾂﾅｶﾞｼﾞｭﾝ</t>
  </si>
  <si>
    <t>松永潤</t>
  </si>
  <si>
    <t>（株）ベスタミ工業</t>
  </si>
  <si>
    <t>ベヤジット・メメット・サリ</t>
  </si>
  <si>
    <t>埼玉県川口市並木１－１１－３矢口ビル３０１号</t>
  </si>
  <si>
    <t>070-2801-0666</t>
  </si>
  <si>
    <t>ﾍﾞｽﾀﾐｺｳｷﾞｮｳ</t>
  </si>
  <si>
    <t>ベヤジット美香</t>
  </si>
  <si>
    <t>（株）ネクスト</t>
  </si>
  <si>
    <t>津田大和</t>
  </si>
  <si>
    <t>345-0034</t>
  </si>
  <si>
    <t>埼玉県北葛飾郡杉戸町倉松３－１４－２３－１０２</t>
  </si>
  <si>
    <t>0480-30-6533</t>
  </si>
  <si>
    <t>ﾈｸｽﾄ</t>
  </si>
  <si>
    <t>横田祥平</t>
  </si>
  <si>
    <t>内山　孔二郎</t>
  </si>
  <si>
    <t>121-0823</t>
  </si>
  <si>
    <t>東京都足立区伊興３－２２－２７ハッピーノⅡ２０１</t>
  </si>
  <si>
    <t>090-7233-8623</t>
  </si>
  <si>
    <t>ｳﾁﾔﾏ ｺｳｼﾞﾛｳ</t>
  </si>
  <si>
    <t>内山孔二郎</t>
  </si>
  <si>
    <t>（有）スカイハイ</t>
  </si>
  <si>
    <t>加藤進</t>
  </si>
  <si>
    <t>259-0111</t>
  </si>
  <si>
    <t>神奈川県中郡大磯町国府本郷４５４</t>
  </si>
  <si>
    <t>0463-71-0038</t>
  </si>
  <si>
    <t>ｽｶｲﾊｲ</t>
  </si>
  <si>
    <t>（株）藤正</t>
  </si>
  <si>
    <t>　藤原則正</t>
  </si>
  <si>
    <t>144-0051</t>
  </si>
  <si>
    <t>東京都大田区西蒲田１－２－４</t>
  </si>
  <si>
    <t>03-6303-5466</t>
  </si>
  <si>
    <t>ﾌｼﾞﾏｻ</t>
  </si>
  <si>
    <t>藤原則正</t>
  </si>
  <si>
    <t>（株）美里工業</t>
  </si>
  <si>
    <t>　ゼンギンバイラム</t>
  </si>
  <si>
    <t>埼玉県草加市北谷３－２７－２４ヴィルヌーブ１０１号室</t>
  </si>
  <si>
    <t>048-951-2410</t>
  </si>
  <si>
    <t>ﾐｻﾄｺｳｷﾞｮｳ</t>
  </si>
  <si>
    <t>ゼンギンバイラム</t>
  </si>
  <si>
    <t>（有）クアン</t>
  </si>
  <si>
    <t>　喜田由香里</t>
  </si>
  <si>
    <t>221-0851</t>
  </si>
  <si>
    <t>神奈川県横浜市神奈川区三ツ沢中町６－１３原ビル２０１</t>
  </si>
  <si>
    <t>045-321-8739</t>
  </si>
  <si>
    <t>ｸｱﾝ</t>
  </si>
  <si>
    <t>東直樹</t>
  </si>
  <si>
    <t>ＨＩＤＥ工業　横山　未来</t>
  </si>
  <si>
    <t>252-0101</t>
  </si>
  <si>
    <t>神奈川県相模原市緑区町屋１－２３－５第２メゾンドール原宿２０２号室</t>
  </si>
  <si>
    <t>042-814-9299</t>
  </si>
  <si>
    <t>ﾋﾃﾞｺｳｷﾞｮｳ ﾖｺﾔﾏ ﾐｸ</t>
  </si>
  <si>
    <t>横山未来</t>
  </si>
  <si>
    <t>（株）ＳＡＫＵＲＡ</t>
  </si>
  <si>
    <t>　吉田祐哉</t>
  </si>
  <si>
    <t>168-0062</t>
  </si>
  <si>
    <t>東京都杉並区方南１－２９－７－１０４</t>
  </si>
  <si>
    <t>03-5938-8070</t>
  </si>
  <si>
    <t>ｻｸﾗ</t>
  </si>
  <si>
    <t>吉田祐哉</t>
  </si>
  <si>
    <t>（株）アール・スタイル</t>
  </si>
  <si>
    <t>　上野貴之</t>
  </si>
  <si>
    <t>東京都青梅市今井１－２０７－１１</t>
  </si>
  <si>
    <t>0428-34-9993</t>
  </si>
  <si>
    <t>ｱｰﾙｽﾀｲﾙ</t>
  </si>
  <si>
    <t>上野和美</t>
  </si>
  <si>
    <t>（有）ケイ　アドバンス</t>
  </si>
  <si>
    <t>石部清幸</t>
  </si>
  <si>
    <t>242-0028</t>
  </si>
  <si>
    <t>神奈川県大和市桜森２－４－１５スカイコート相模大塚２０６号</t>
  </si>
  <si>
    <t>046-244-6869</t>
  </si>
  <si>
    <t>ｹｲｱﾄﾞﾊﾞﾝｽ</t>
  </si>
  <si>
    <t>ＳＩＫＹＯＵ（同）</t>
  </si>
  <si>
    <t>辺志</t>
  </si>
  <si>
    <t>243-0035</t>
  </si>
  <si>
    <t>神奈川県厚木市愛甲３－４－１４</t>
  </si>
  <si>
    <t>080-4055-4488</t>
  </si>
  <si>
    <t>ｼｷｮｳ</t>
  </si>
  <si>
    <t>張鳳</t>
  </si>
  <si>
    <t>三和商事（株）</t>
  </si>
  <si>
    <t>張鉄男</t>
  </si>
  <si>
    <t>334-0063</t>
  </si>
  <si>
    <t>埼玉県川口市大字東本郷１７２９－３５</t>
  </si>
  <si>
    <t>048-299-6897</t>
  </si>
  <si>
    <t>ｻﾝﾜｼｮｳｼﾞ</t>
  </si>
  <si>
    <t>（株）Ｈ＆Ｆ</t>
  </si>
  <si>
    <t>ハスギュルバイラム</t>
  </si>
  <si>
    <t>333-0864</t>
  </si>
  <si>
    <t>埼玉県川口市柳根町１－３２パームハイツＢ－３</t>
  </si>
  <si>
    <t>048-262-3281</t>
  </si>
  <si>
    <t>ｴｲﾁｱﾝﾄﾞｴﾌ</t>
  </si>
  <si>
    <t>ハスギュルアブゼル</t>
  </si>
  <si>
    <t>（株）きよみずや</t>
  </si>
  <si>
    <t>清水景子</t>
  </si>
  <si>
    <t>東京都大田区蒲田５－２１－１２－Ｂ２－７</t>
  </si>
  <si>
    <t>03-5480-5080</t>
  </si>
  <si>
    <t>ｷﾖﾐｽﾞﾔ</t>
  </si>
  <si>
    <t>清水章夫</t>
  </si>
  <si>
    <t>周藤産業（株）</t>
  </si>
  <si>
    <t>周清偉</t>
  </si>
  <si>
    <t>114-0002</t>
  </si>
  <si>
    <t>東京都北区王子１－２２－２王子一番街ビル</t>
  </si>
  <si>
    <t>080-4024-8899</t>
  </si>
  <si>
    <t>ｼｭｳﾄｳｻﾝｷﾞｮｳ</t>
  </si>
  <si>
    <t>周藤艶玲</t>
  </si>
  <si>
    <t>（有）ユーエヌ企画</t>
  </si>
  <si>
    <t>　松本剛</t>
  </si>
  <si>
    <t>350-0252</t>
  </si>
  <si>
    <t>埼玉県坂戸市中里１２０－４</t>
  </si>
  <si>
    <t>049-298-4001</t>
  </si>
  <si>
    <t>ﾕｰｴﾇｷｶｸ</t>
  </si>
  <si>
    <t>松本剛</t>
  </si>
  <si>
    <t>ジェオヴァジレコーポレーション（有）</t>
  </si>
  <si>
    <t>ソウザラモス</t>
  </si>
  <si>
    <t>243-0208</t>
  </si>
  <si>
    <t>神奈川県厚木市みはる野２－１０－７</t>
  </si>
  <si>
    <t>046-408-1238</t>
  </si>
  <si>
    <t>ｼﾞｪｵｳﾞｧｼﾞﾚｺｰﾎﾟﾚｰｼｮﾝ</t>
  </si>
  <si>
    <t>（株）隆工業</t>
  </si>
  <si>
    <t>　佐藤隆</t>
  </si>
  <si>
    <t>272-0822</t>
  </si>
  <si>
    <t>千葉県市川市宮久保５－２０－３０</t>
  </si>
  <si>
    <t>047-721-6138</t>
  </si>
  <si>
    <t>ｶﾌｼｷｶﾞｲｼｬﾀｶｼｺｳｷﾞｮｳ</t>
  </si>
  <si>
    <t>佐藤隆</t>
  </si>
  <si>
    <t>（株）杉山工業</t>
  </si>
  <si>
    <t>　杉山浩一</t>
  </si>
  <si>
    <t>131-0041</t>
  </si>
  <si>
    <t>東京都墨田区八広５－３－１６</t>
  </si>
  <si>
    <t>03-3611-9938</t>
  </si>
  <si>
    <t>杉山壱成</t>
  </si>
  <si>
    <t>Ｍｅｄｅｓ（株）</t>
  </si>
  <si>
    <t>ＡＹＤＩＮＮＥＤＩＭ</t>
  </si>
  <si>
    <t>339-0004</t>
  </si>
  <si>
    <t>埼玉県さいたま市岩槻区大字真福寺４２７</t>
  </si>
  <si>
    <t>070-1413-0119</t>
  </si>
  <si>
    <t>ﾒﾃﾞｽ</t>
  </si>
  <si>
    <t>小泉伸博</t>
  </si>
  <si>
    <t>（株）ＬｕｎａＴｒｕｓｔ</t>
  </si>
  <si>
    <t>坂詰征弘</t>
  </si>
  <si>
    <t>258-0016</t>
  </si>
  <si>
    <t>神奈川県足柄上郡大井町上大井３２７－１３－２０３</t>
  </si>
  <si>
    <t>0465-20-6607</t>
  </si>
  <si>
    <t>ﾙﾅﾄﾗｽﾄ</t>
  </si>
  <si>
    <t>（株）アルフ工業</t>
  </si>
  <si>
    <t>　クルトメハメット</t>
  </si>
  <si>
    <t>埼玉県さいたま市岩槻区大字釣上新田３００－１</t>
  </si>
  <si>
    <t>048-458-0961</t>
  </si>
  <si>
    <t>ｱﾙﾌｺｳｷﾞｮｳ</t>
  </si>
  <si>
    <t>クルトメハメット</t>
  </si>
  <si>
    <t>（有）宗石建設</t>
  </si>
  <si>
    <t>石村康夫</t>
  </si>
  <si>
    <t>239-0835</t>
  </si>
  <si>
    <t>神奈川県横須賀市佐原４－４０２－８</t>
  </si>
  <si>
    <t>046-846-5487</t>
  </si>
  <si>
    <t>ﾑﾈｲｼｹﾝｾﾂ</t>
  </si>
  <si>
    <t>鈴木翼</t>
  </si>
  <si>
    <t>阿部解体工業（株）</t>
  </si>
  <si>
    <t>エルユルマズ・イスメット</t>
  </si>
  <si>
    <t>334-0071</t>
  </si>
  <si>
    <t>埼玉県川口市安行慈林２１５－２</t>
  </si>
  <si>
    <t>048-287-9301</t>
  </si>
  <si>
    <t>ｱﾍﾞｶｲﾀｲｺｳｷﾞｮｳ</t>
  </si>
  <si>
    <t>エルユルマズイスメット</t>
  </si>
  <si>
    <t>（株）マツダ</t>
  </si>
  <si>
    <t>ＢＯＲＣＥＫＩＭＲＡＮ</t>
  </si>
  <si>
    <t>埼玉県川口市戸塚東１－２－３１東川口グリーンハイツ２０３号</t>
  </si>
  <si>
    <t>070-1472-0502</t>
  </si>
  <si>
    <t>ﾏﾂﾀﾞ</t>
  </si>
  <si>
    <t>（株）シア</t>
  </si>
  <si>
    <t>フィラットラマザン</t>
  </si>
  <si>
    <t>331-0814</t>
  </si>
  <si>
    <t>埼玉県さいたま市北区東大成町２－４６メゾン・ド・フルール２０５</t>
  </si>
  <si>
    <t>080-5884-9892</t>
  </si>
  <si>
    <t>ｼｱ</t>
  </si>
  <si>
    <t>ＦＩＲＡＴＲＡＭＡＺＡＮ</t>
  </si>
  <si>
    <t>（株）ワイズプラス</t>
  </si>
  <si>
    <t>　吉野祐輝</t>
  </si>
  <si>
    <t>東京都世田谷区南烏山４－１０－３ＫＳビル３０１</t>
  </si>
  <si>
    <t>03-5315-9367</t>
  </si>
  <si>
    <t>ﾜｲｽﾞﾌﾟﾗｽ</t>
  </si>
  <si>
    <t>吉野祐輝</t>
  </si>
  <si>
    <t>山本解体工業　ウエダ　ケンジ</t>
  </si>
  <si>
    <t>神奈川県茅ヶ崎市堤９０－２コーポダイゼンＡ１０３</t>
  </si>
  <si>
    <t>046-408-2430</t>
  </si>
  <si>
    <t>ﾔﾏﾓﾄｶｲﾀｲｺｳｷﾞｮｳ ｳｴﾀﾞ ｹﾝｼﾞ</t>
  </si>
  <si>
    <t>ＹＡＭＡＭＯＴＯＳＥＲＧＩＯＩＳＡＯ</t>
  </si>
  <si>
    <t>（株）ティアンドティコーポレーション</t>
  </si>
  <si>
    <t>楊一帆</t>
  </si>
  <si>
    <t>103-0007</t>
  </si>
  <si>
    <t>東京都中央区日本橋浜町２－２４－８－３０２号</t>
  </si>
  <si>
    <t>03-6425-6510</t>
  </si>
  <si>
    <t>ﾃｨｱﾝﾄﾞﾃｨｺｰﾎﾟﾚｰｼｮﾝ</t>
  </si>
  <si>
    <t>グランドライン神奈川（同）</t>
  </si>
  <si>
    <t>福井雅樹</t>
  </si>
  <si>
    <t>242-0014</t>
  </si>
  <si>
    <t>神奈川県大和市上和田１０２９</t>
  </si>
  <si>
    <t>046-279-6662</t>
  </si>
  <si>
    <t>ｸﾞﾗﾝﾄﾞﾗｲﾝｶﾅｶﾞﾜ</t>
  </si>
  <si>
    <t>西村興業　西村　成久</t>
  </si>
  <si>
    <t>251-0025</t>
  </si>
  <si>
    <t>神奈川県藤沢市鵠沼石上２－５－１湘南鵠沼ＢＬＤ３Ｆ－Ｃ</t>
  </si>
  <si>
    <t>080-6254-7704</t>
  </si>
  <si>
    <t>ﾆｼﾑﾗｺｳｷﾞｮｳ ﾆｼﾑﾗ ﾅﾘﾋｻ</t>
  </si>
  <si>
    <t>西村成久</t>
  </si>
  <si>
    <t>（株）ＡＫＡＴＳＵＫＩ</t>
  </si>
  <si>
    <t>カラクラックアイドゥン</t>
  </si>
  <si>
    <t>337-0043</t>
  </si>
  <si>
    <t>埼玉県さいたま市見沼区中川３００－１</t>
  </si>
  <si>
    <t>080-5030-3152</t>
  </si>
  <si>
    <t>ｱｶﾂｷ</t>
  </si>
  <si>
    <t>ＮＥＸＴ　ＳＴＡＧＥ（株）</t>
  </si>
  <si>
    <t>奈須宜幸</t>
  </si>
  <si>
    <t>132-0001</t>
  </si>
  <si>
    <t>東京都江戸川区新堀１－３－１０</t>
  </si>
  <si>
    <t>03-6638-6200</t>
  </si>
  <si>
    <t>ﾈｸｽﾄ ｽﾃｰｼﾞ</t>
  </si>
  <si>
    <t>那須宜幸</t>
  </si>
  <si>
    <t>（株）サンクロス</t>
  </si>
  <si>
    <t>鈴木要四郎</t>
  </si>
  <si>
    <t>神奈川県横浜市戸塚区上矢部町１４３－１－７１０号</t>
  </si>
  <si>
    <t>045-812-7784</t>
  </si>
  <si>
    <t>ｻﾝｸﾛｽ</t>
  </si>
  <si>
    <t>（株）モンボルド</t>
  </si>
  <si>
    <t>バトムンフガンボルド</t>
  </si>
  <si>
    <t>272-0133</t>
  </si>
  <si>
    <t>千葉県市川市行徳駅前２－２１－２２－１０１５号</t>
  </si>
  <si>
    <t>047-399-8339</t>
  </si>
  <si>
    <t>ﾓﾝﾎﾞﾙﾄﾞ</t>
  </si>
  <si>
    <t>（株）アヴェスタ</t>
  </si>
  <si>
    <t>ＣＥＬＩＫＳＥＤＡＴ</t>
  </si>
  <si>
    <t>270-2224</t>
  </si>
  <si>
    <t>千葉県松戸市大橋５２－２ハイムアネックス２０８号</t>
  </si>
  <si>
    <t>070-3660-6565</t>
  </si>
  <si>
    <t>ｱｳﾞｪｽﾀ</t>
  </si>
  <si>
    <t>（株）サンエー</t>
  </si>
  <si>
    <t>大草智美</t>
  </si>
  <si>
    <t>236-0017</t>
  </si>
  <si>
    <t>神奈川県横浜市金沢区西柴３－１７－８</t>
  </si>
  <si>
    <t>045-353-5348</t>
  </si>
  <si>
    <t>ｻﾝｴｰ</t>
  </si>
  <si>
    <t>大草憲太郎</t>
  </si>
  <si>
    <t>（株）アクロスプラン</t>
  </si>
  <si>
    <t>黒井渉</t>
  </si>
  <si>
    <t>215-0012</t>
  </si>
  <si>
    <t>神奈川県川崎市麻生区東百合丘１－３９－２６－３号</t>
  </si>
  <si>
    <t>080-3972-9593</t>
  </si>
  <si>
    <t>ｱｸﾛｽﾌﾟﾗﾝ</t>
  </si>
  <si>
    <t>（有）ＺＩＰ</t>
  </si>
  <si>
    <t>　相馬成美</t>
  </si>
  <si>
    <t>253-0056</t>
  </si>
  <si>
    <t>神奈川県茅ヶ崎市共恵１－４－８－２Ｆ</t>
  </si>
  <si>
    <t>0467-86-5611</t>
  </si>
  <si>
    <t>ｼﾞｯﾌﾟ</t>
  </si>
  <si>
    <t>相馬理乃</t>
  </si>
  <si>
    <t>（株）エフ</t>
  </si>
  <si>
    <t>　青木久幸</t>
  </si>
  <si>
    <t>359-0023</t>
  </si>
  <si>
    <t>埼玉県所沢市東所沢和田２－１０－３</t>
  </si>
  <si>
    <t>04-2935-3833</t>
  </si>
  <si>
    <t>ｴﾌ</t>
  </si>
  <si>
    <t>村上隆正</t>
  </si>
  <si>
    <t>（株）ビッグス</t>
  </si>
  <si>
    <t>　大垣修司郎</t>
  </si>
  <si>
    <t>120-0044</t>
  </si>
  <si>
    <t>東京都足立区千住緑町２－６－１８</t>
  </si>
  <si>
    <t>070-3172-4081</t>
  </si>
  <si>
    <t>ﾋﾞｯｸﾞｽ</t>
  </si>
  <si>
    <t>大垣美幸</t>
  </si>
  <si>
    <t>石若工業（株）</t>
  </si>
  <si>
    <t>　石井文雄</t>
  </si>
  <si>
    <t>143-0015</t>
  </si>
  <si>
    <t>東京都大田区大森西７－７－２７</t>
  </si>
  <si>
    <t>03-6424-5273</t>
  </si>
  <si>
    <t>ｲｼﾜｶｺｳｷﾞｮｳ</t>
  </si>
  <si>
    <t>石井文雄</t>
  </si>
  <si>
    <t>（株）なんぐう建設</t>
  </si>
  <si>
    <t>　若松竜太</t>
  </si>
  <si>
    <t>125-0053</t>
  </si>
  <si>
    <t>東京都葛飾区鎌倉２－２０－６</t>
  </si>
  <si>
    <t>03-6806-9942</t>
  </si>
  <si>
    <t>ﾅﾝｸﾞｳｹﾝｾﾂ</t>
  </si>
  <si>
    <t>若松竜太</t>
  </si>
  <si>
    <t>（株）ステラ</t>
  </si>
  <si>
    <t>　深瀬拓之</t>
  </si>
  <si>
    <t>133-0052</t>
  </si>
  <si>
    <t>東京都江戸川区東小岩５－５－８</t>
  </si>
  <si>
    <t>03-6657-8138</t>
  </si>
  <si>
    <t>ｽﾃﾗ</t>
  </si>
  <si>
    <t>右田憲</t>
  </si>
  <si>
    <t>吉建築（株）</t>
  </si>
  <si>
    <t>善本めぐみ</t>
  </si>
  <si>
    <t>190-1202</t>
  </si>
  <si>
    <t>東京都西多摩郡瑞穂町大字駒形富士山３９１－１</t>
  </si>
  <si>
    <t>042-513-9667</t>
  </si>
  <si>
    <t>ﾖｼｹﾝﾁｸ</t>
  </si>
  <si>
    <t>多田知史</t>
  </si>
  <si>
    <t>（株）商人</t>
  </si>
  <si>
    <t>中川聖奈</t>
  </si>
  <si>
    <t>336-0976</t>
  </si>
  <si>
    <t>埼玉県さいたま市緑区寺山３５１</t>
  </si>
  <si>
    <t>080-4813-6363</t>
  </si>
  <si>
    <t>ｱｷﾝﾄﾞ</t>
  </si>
  <si>
    <t>津田佳尚</t>
  </si>
  <si>
    <t>（株）大一工業</t>
  </si>
  <si>
    <t>アリムスタファ</t>
  </si>
  <si>
    <t>333-0831</t>
  </si>
  <si>
    <t>埼玉県川口市大字木曽呂３０５－１アンソレイユ１０２号</t>
  </si>
  <si>
    <t>090-2335-2763</t>
  </si>
  <si>
    <t>ﾀﾞｲｲﾁｺｳｷﾞｮｳ</t>
  </si>
  <si>
    <t>オスピナルケマル</t>
  </si>
  <si>
    <t>（株）ＲＥＩＳ</t>
  </si>
  <si>
    <t>カラクシュ・ハッサン・バスリ</t>
  </si>
  <si>
    <t>333-0815</t>
  </si>
  <si>
    <t>埼玉県川口市北原台１－１２－２１－２０７エマーユ東川口</t>
  </si>
  <si>
    <t>048-290-5552</t>
  </si>
  <si>
    <t>ﾚｲｽ</t>
  </si>
  <si>
    <t>ＫＡＲＡＫＵＳＡＹＤＩＮ</t>
  </si>
  <si>
    <t>（株）倉商</t>
  </si>
  <si>
    <t>　柳川守</t>
  </si>
  <si>
    <t>226-0003</t>
  </si>
  <si>
    <t>神奈川県横浜市緑区鴨居７－１８</t>
  </si>
  <si>
    <t>045-929-6664</t>
  </si>
  <si>
    <t>ｸﾗｼｮｳ</t>
  </si>
  <si>
    <t>（株）エド興業</t>
  </si>
  <si>
    <t>チャベズレイエス</t>
  </si>
  <si>
    <t>神奈川県綾瀬市落合北３－１１５３－１７</t>
  </si>
  <si>
    <t>090-2207-5489</t>
  </si>
  <si>
    <t>ｴﾄﾞｺｳｷﾞｮｳ</t>
  </si>
  <si>
    <t>（株）タダシ工業</t>
  </si>
  <si>
    <t>河野正</t>
  </si>
  <si>
    <t>ﾀﾀﾞｼｺｳｷﾞｮｳ</t>
  </si>
  <si>
    <t>（株）ＲＩＳＥアーキテクト</t>
  </si>
  <si>
    <t>瀬尾和樹</t>
  </si>
  <si>
    <t>神奈川県横浜市港北区新横浜１－２－１</t>
  </si>
  <si>
    <t>045-620-4759</t>
  </si>
  <si>
    <t>ﾗｲｽﾞｱｰｷﾃｸﾄ</t>
  </si>
  <si>
    <t>（株）ＦＵＪＩ</t>
  </si>
  <si>
    <t>　佐藤幸一</t>
  </si>
  <si>
    <t>334-0076</t>
  </si>
  <si>
    <t>埼玉県川口市本蓮４－５－１０</t>
  </si>
  <si>
    <t>048-229-2945</t>
  </si>
  <si>
    <t>ﾌｼﾞ</t>
  </si>
  <si>
    <t>新妻慶太</t>
  </si>
  <si>
    <t>（株）Ｂｏｓｏ</t>
  </si>
  <si>
    <t>　上野利光</t>
  </si>
  <si>
    <t>294-0232</t>
  </si>
  <si>
    <t>千葉県館山市竜岡６１２</t>
  </si>
  <si>
    <t>0470-28-1166</t>
  </si>
  <si>
    <t>ﾎﾞｳｿｳ</t>
  </si>
  <si>
    <t>上野利光</t>
  </si>
  <si>
    <t>ＡＭＡＲＡ（株）</t>
  </si>
  <si>
    <t>エルソズ・アバドゥラッハマン</t>
  </si>
  <si>
    <t>333-0811</t>
  </si>
  <si>
    <t>埼玉県川口市戸塚３－３０－８フラワーハイムサルビア６０２</t>
  </si>
  <si>
    <t>080-6468-6363</t>
  </si>
  <si>
    <t>ｱﾏﾗ</t>
  </si>
  <si>
    <t>ＥＲＳＯＺＡＢＤＵＲＲＡＨＭＡ</t>
  </si>
  <si>
    <t>ＮＴＭコーポレーション（株）</t>
  </si>
  <si>
    <t>生田目俊</t>
  </si>
  <si>
    <t>130-0025</t>
  </si>
  <si>
    <t>東京都墨田区千歳３－３－３</t>
  </si>
  <si>
    <t>03-3634-8160</t>
  </si>
  <si>
    <t>ｴﾇﾃｨｰｴﾑｺｰﾎﾟﾚｰｼｮﾝ</t>
  </si>
  <si>
    <t>武内秀明</t>
  </si>
  <si>
    <t>（同）ＭＩＲＯ</t>
  </si>
  <si>
    <t>クチュクカヤエンギン</t>
  </si>
  <si>
    <t>東京都八王子市中野上町４－２２－２１寿ビルⅢ３０１号</t>
  </si>
  <si>
    <t>042-641-0084</t>
  </si>
  <si>
    <t>ﾐﾛ</t>
  </si>
  <si>
    <t>（株）富士解業</t>
  </si>
  <si>
    <t>鈴木広之</t>
  </si>
  <si>
    <t>417-0847</t>
  </si>
  <si>
    <t>静岡県富士市比奈２５６１－２</t>
  </si>
  <si>
    <t>0545-32-8825</t>
  </si>
  <si>
    <t>ﾌｼﾞｶｲｷﾞｮｳ</t>
  </si>
  <si>
    <t>ブックオフコーポレーション（株）</t>
  </si>
  <si>
    <t>堀内康隆</t>
  </si>
  <si>
    <t>252-0344</t>
  </si>
  <si>
    <t>神奈川県相模原市南区古淵２－１４－２０</t>
  </si>
  <si>
    <t>042-769-1513</t>
  </si>
  <si>
    <t>ﾌﾞｯｸｵﾌｺｰﾎﾟﾚｰｼｮﾝ</t>
  </si>
  <si>
    <t>倉澤眞</t>
  </si>
  <si>
    <t>（株）ＳＴＥＰ</t>
  </si>
  <si>
    <t>　木村慎吾</t>
  </si>
  <si>
    <t>東京都武蔵村山市大南３－８７－１４アリス玉川上水第一　Ａ店舗</t>
  </si>
  <si>
    <t>042-843-8965</t>
  </si>
  <si>
    <t>ｽﾃｯﾌﾟ</t>
  </si>
  <si>
    <t>木村慎吾</t>
  </si>
  <si>
    <t>ｅａｒｎｅｓｔ　Ｋ　井上　健太</t>
  </si>
  <si>
    <t>254-0002</t>
  </si>
  <si>
    <t>神奈川県平塚市横内３９０７－４メゾン湘南Ａ－２０２</t>
  </si>
  <si>
    <t>080-3525-9414</t>
  </si>
  <si>
    <t>ｱｰﾈｽﾄｹｰ ｲﾉｳｴｹﾝﾀ</t>
  </si>
  <si>
    <t>井上健太</t>
  </si>
  <si>
    <t>（株）ＳｈＥＥＰ</t>
  </si>
  <si>
    <t>田邉敏哉</t>
  </si>
  <si>
    <t>東京都渋谷区道玄坂１－１５－３プリメーラ道玄坂７０７</t>
  </si>
  <si>
    <t>03-6421-1291</t>
  </si>
  <si>
    <t>ｼｰﾌﾟ</t>
  </si>
  <si>
    <t>小山喜久</t>
  </si>
  <si>
    <t>（株）孝縁</t>
  </si>
  <si>
    <t>金井孝満</t>
  </si>
  <si>
    <t>静岡県駿東郡清水町徳倉９７０－１</t>
  </si>
  <si>
    <t>0120-16-0025</t>
  </si>
  <si>
    <t>ｺｳｴﾝ</t>
  </si>
  <si>
    <t>アイネスハート　比嘉　清喜</t>
  </si>
  <si>
    <t>神奈川県藤沢市長後９８６メゾンロクオンＡ１０１</t>
  </si>
  <si>
    <t>070-3620-9894</t>
  </si>
  <si>
    <t>ｱｲﾈｽﾊｰﾄ ﾋｶﾞ ｾｲｷ</t>
  </si>
  <si>
    <t>比嘉清喜</t>
  </si>
  <si>
    <t>（株）ワイルドブルー</t>
  </si>
  <si>
    <t>倉持厚</t>
  </si>
  <si>
    <t>125-0032</t>
  </si>
  <si>
    <t>東京都葛飾区水元２－２－５</t>
  </si>
  <si>
    <t>090-8689-8384</t>
  </si>
  <si>
    <t>ﾜｲﾙﾄﾞﾌﾞﾙｰ</t>
  </si>
  <si>
    <t>アポ（同）</t>
  </si>
  <si>
    <t>　ジェンギズアブドゥッラー</t>
  </si>
  <si>
    <t>埼玉県川口市芝高木１－１９－１０永島コーポ２０１号</t>
  </si>
  <si>
    <t>080-4883-9024</t>
  </si>
  <si>
    <t>ｱﾎﾟ</t>
  </si>
  <si>
    <t>ジェンギズアブドゥッラー</t>
  </si>
  <si>
    <t>三田商店　三富　智</t>
  </si>
  <si>
    <t>239-0829</t>
  </si>
  <si>
    <t>神奈川県横須賀市若宮台１６－２１</t>
  </si>
  <si>
    <t>090-4605-6634</t>
  </si>
  <si>
    <t>ｻﾝﾀｼｮｳﾃﾝ ﾐﾄﾐｻﾄｼ</t>
  </si>
  <si>
    <t>三富智</t>
  </si>
  <si>
    <t>ＡＰＩ塗装事業（同）</t>
  </si>
  <si>
    <t>　加治大</t>
  </si>
  <si>
    <t>神奈川県横浜市金沢区富岡東４－８－３０２１４号</t>
  </si>
  <si>
    <t>045-342-8840</t>
  </si>
  <si>
    <t>ｴｰﾋﾟｰｱｲﾄｿｳｼﾞｷﾞｮｳ</t>
  </si>
  <si>
    <t>加治大</t>
  </si>
  <si>
    <t>中村　竜二</t>
  </si>
  <si>
    <t>231-0045</t>
  </si>
  <si>
    <t>神奈川県横浜市中区伊勢佐木町７－１５２サンヴェール伊勢佐木町３１０号室</t>
  </si>
  <si>
    <t>090-199-4999</t>
  </si>
  <si>
    <t>ﾅｶﾑﾗ ﾘｭｳｼﾞ</t>
  </si>
  <si>
    <t>中村竜二</t>
  </si>
  <si>
    <t>（有）藤一</t>
  </si>
  <si>
    <t>小林藤一</t>
  </si>
  <si>
    <t>410-2124</t>
  </si>
  <si>
    <t>静岡県伊豆の国市原木１２６２</t>
  </si>
  <si>
    <t>055-949-7583</t>
  </si>
  <si>
    <t>ﾄｳｲﾁ</t>
  </si>
  <si>
    <t>（株）北千住工務店</t>
  </si>
  <si>
    <t>徳田綱正</t>
  </si>
  <si>
    <t>120-0045</t>
  </si>
  <si>
    <t>東京都足立区千住桜木１－１０－２４メゾン恩田２０３</t>
  </si>
  <si>
    <t>03-5284-7427</t>
  </si>
  <si>
    <t>ｷﾀｾﾝｼﾞｭｺｳﾑﾃﾝ</t>
  </si>
  <si>
    <t>沢田興業（株）</t>
  </si>
  <si>
    <t>　沢田憲華</t>
  </si>
  <si>
    <t>神奈川県横浜市瀬谷区下瀬谷３－３１－２８</t>
  </si>
  <si>
    <t>080-9035-8866</t>
  </si>
  <si>
    <t>ｻﾜﾀﾞｺｳｷﾞｮｳ</t>
  </si>
  <si>
    <t>沢田憲華</t>
  </si>
  <si>
    <t>（株）中村工務店</t>
  </si>
  <si>
    <t>中村祥真</t>
  </si>
  <si>
    <t>171-0044</t>
  </si>
  <si>
    <t>東京都豊島区千早１－３６－６　１０５号室</t>
  </si>
  <si>
    <t>03-5926-4746</t>
  </si>
  <si>
    <t>ﾅｶﾑﾗｺｳﾑﾃﾝ</t>
  </si>
  <si>
    <t>中村正吾</t>
  </si>
  <si>
    <t>（有）宮本建設</t>
  </si>
  <si>
    <t>宮本正哉</t>
  </si>
  <si>
    <t>254-0904</t>
  </si>
  <si>
    <t>神奈川県平塚市根坂間３０４－１</t>
  </si>
  <si>
    <t>0463-35-8233</t>
  </si>
  <si>
    <t>ﾐﾔﾓﾄｹﾝｾﾂ</t>
  </si>
  <si>
    <t>（株）山口</t>
  </si>
  <si>
    <t>　山口高輝</t>
  </si>
  <si>
    <t>258-0028</t>
  </si>
  <si>
    <t>神奈川県足柄上郡開成町金井島１１２７－４</t>
  </si>
  <si>
    <t>080-7008-4649</t>
  </si>
  <si>
    <t>ﾔﾏｸﾞﾁ</t>
  </si>
  <si>
    <t>西海健太郎</t>
  </si>
  <si>
    <t>（株）エムティ</t>
  </si>
  <si>
    <t>富士強</t>
  </si>
  <si>
    <t>神奈川県海老名市門沢橋６－２１－４</t>
  </si>
  <si>
    <t>080-4359-1508</t>
  </si>
  <si>
    <t>ｴﾑﾃｨ</t>
  </si>
  <si>
    <t>（有）フォーデザイン</t>
  </si>
  <si>
    <t>羽柴良則</t>
  </si>
  <si>
    <t>210-0848</t>
  </si>
  <si>
    <t>神奈川県川崎市川崎区京町３－１－２－１００６</t>
  </si>
  <si>
    <t>044-355-2698</t>
  </si>
  <si>
    <t>ﾌｫｰﾃﾞｻﾞｲﾝ</t>
  </si>
  <si>
    <t>（株）小川商会</t>
  </si>
  <si>
    <t>羽行輝夫</t>
  </si>
  <si>
    <t>165-0023</t>
  </si>
  <si>
    <t>東京都中野区江原町１－２５－１１</t>
  </si>
  <si>
    <t>03-3951-3027</t>
  </si>
  <si>
    <t>ｵｶﾞﾜｼｮｳｶｲ</t>
  </si>
  <si>
    <t>鈴木国夫</t>
  </si>
  <si>
    <t>（株）ＲＩＭＩＫ</t>
  </si>
  <si>
    <t>落合亮丞</t>
  </si>
  <si>
    <t>東京都杉並区西荻北４－８－２ベルハイム１０２</t>
  </si>
  <si>
    <t>03-6915-0505</t>
  </si>
  <si>
    <t>ﾗｲﾐｯｸ</t>
  </si>
  <si>
    <t>（株）ケイ・アール</t>
  </si>
  <si>
    <t>武野谷将剛</t>
  </si>
  <si>
    <t>350-1312</t>
  </si>
  <si>
    <t>埼玉県狭山市大字堀兼２３２４－７</t>
  </si>
  <si>
    <t>042-935-3774</t>
  </si>
  <si>
    <t>ｹｲｱｰﾙ</t>
  </si>
  <si>
    <t>（株）Ｔｏｋｙｏ　Ｂｉｒｄｓ</t>
  </si>
  <si>
    <t>　ＲＡＪＡＲＡＪＡＰＡＫＳＨＡ</t>
  </si>
  <si>
    <t>300-3561</t>
  </si>
  <si>
    <t>茨城県結城郡八千代町大字平塚１９７８－２</t>
  </si>
  <si>
    <t>0280-51-6375</t>
  </si>
  <si>
    <t>ﾄｳｷｮｳﾊﾞｰﾂ</t>
  </si>
  <si>
    <t>ラジャパクシャラジャパクシャ</t>
  </si>
  <si>
    <t>（株）ヤマトホーム</t>
  </si>
  <si>
    <t>　一條大輔</t>
  </si>
  <si>
    <t>132-0033</t>
  </si>
  <si>
    <t>東京都江戸川区東小松川４－５７－１２－１Ｆ</t>
  </si>
  <si>
    <t>03-5661-1666</t>
  </si>
  <si>
    <t>ﾔﾏﾄﾎｰﾑ</t>
  </si>
  <si>
    <t>一條大輔</t>
  </si>
  <si>
    <t>（株）エターナルクエスト</t>
  </si>
  <si>
    <t>山崎隆</t>
  </si>
  <si>
    <t>神奈川県大和市西鶴間１－１－１０ハイツニットー１階</t>
  </si>
  <si>
    <t>046-244-5690</t>
  </si>
  <si>
    <t>ｴﾀｰﾅﾙｸｴｽﾄ</t>
  </si>
  <si>
    <t>（株）ＩＳＨＩ</t>
  </si>
  <si>
    <t>　イシメメット</t>
  </si>
  <si>
    <t>333-0856</t>
  </si>
  <si>
    <t>埼玉県川口市芝塚原２－２１－１８リバティ川口１０１号</t>
  </si>
  <si>
    <t>048-278-1536</t>
  </si>
  <si>
    <t>ｲｼ</t>
  </si>
  <si>
    <t>ＩＳＭＥＨＭＥＴ</t>
  </si>
  <si>
    <t>ＨＥＲＮＡＮＤＥＺ　ＭＡＴＴＯＳ　ＭＩＧＵＥＬ　ＡＮＧＥＬ</t>
  </si>
  <si>
    <t>213-0033</t>
  </si>
  <si>
    <t>神奈川県川崎市高津区下作延２－１５－２９－１０１</t>
  </si>
  <si>
    <t>044-567-5894</t>
  </si>
  <si>
    <t>ｴﾙﾅﾝﾃﾞｽ ﾏﾄｽ ﾐｹﾞﾙ ｱﾝｹﾞﾙ</t>
  </si>
  <si>
    <t>ＨＥＲＮＡＮＤＥＺＡＮＧＥＬ</t>
  </si>
  <si>
    <t>青山　元</t>
  </si>
  <si>
    <t>181-0005</t>
  </si>
  <si>
    <t>東京都三鷹市中原４－３４－１７</t>
  </si>
  <si>
    <t>03-6452-3127</t>
  </si>
  <si>
    <t>ｱｵﾔﾏ ｹﾞﾝ</t>
  </si>
  <si>
    <t>青山元</t>
  </si>
  <si>
    <t>（株）ＳＩＧＭＡ</t>
  </si>
  <si>
    <t>フィリモン・ニコラエ・ダニエル</t>
  </si>
  <si>
    <t>埼玉県川口市並木１－８－３１</t>
  </si>
  <si>
    <t>080-9026-2686</t>
  </si>
  <si>
    <t>ｼｸﾞﾏ</t>
  </si>
  <si>
    <t>フィリモン　ニコラエダニエル</t>
  </si>
  <si>
    <t>（株）洸永商事</t>
  </si>
  <si>
    <t>松本永喜</t>
  </si>
  <si>
    <t>331-0078</t>
  </si>
  <si>
    <t>埼玉県さいたま市西区西大宮２－１８－３３</t>
  </si>
  <si>
    <t>048-716-6687</t>
  </si>
  <si>
    <t>ｺｳｴｲｼｮｳｼﾞ</t>
  </si>
  <si>
    <t>（株）林工業</t>
  </si>
  <si>
    <t>林清明</t>
  </si>
  <si>
    <t>相模原市南区磯部２１１６－３</t>
  </si>
  <si>
    <t>046-293-3889</t>
  </si>
  <si>
    <t>ﾊﾔｼｺｳｷﾞｮｳ</t>
  </si>
  <si>
    <t>清水産業　清水　淳</t>
  </si>
  <si>
    <t>259-1215</t>
  </si>
  <si>
    <t>神奈川県平塚市寺田縄４３１－９</t>
  </si>
  <si>
    <t>080-3532-7418</t>
  </si>
  <si>
    <t>ｼﾐｽﾞｻﾝｷﾞｮｳｼﾐｽﾞｼﾞｭﾝ</t>
  </si>
  <si>
    <t>清水淳</t>
  </si>
  <si>
    <t>プロステリア（株）</t>
  </si>
  <si>
    <t>　吹野昌幸</t>
  </si>
  <si>
    <t>165-0027</t>
  </si>
  <si>
    <t>東京都中野区野方５－２３－７３０３号室</t>
  </si>
  <si>
    <t>03-5356-9674</t>
  </si>
  <si>
    <t>ﾌﾟﾛｽﾃﾘｱ</t>
  </si>
  <si>
    <t>藤田一稀</t>
  </si>
  <si>
    <t>（株）濱田工務店</t>
  </si>
  <si>
    <t>　濱田康之</t>
  </si>
  <si>
    <t>245-0024</t>
  </si>
  <si>
    <t>神奈川県横浜市泉区和泉中央北１－１３－３５</t>
  </si>
  <si>
    <t>045-415-2514</t>
  </si>
  <si>
    <t>ﾊﾏﾀﾞｺｳﾑﾃﾝ</t>
  </si>
  <si>
    <t>濱田康之</t>
  </si>
  <si>
    <t>（株）英昇</t>
  </si>
  <si>
    <t>大橋英雄</t>
  </si>
  <si>
    <t>埼玉県川口市東川口４－２９－３９ラデヴィーナ東川口１０１号</t>
  </si>
  <si>
    <t>048-290-0007</t>
  </si>
  <si>
    <t>ｴｲｼｮｳ</t>
  </si>
  <si>
    <t>（株）ケイ・ネクスト</t>
  </si>
  <si>
    <t>＊野健太</t>
  </si>
  <si>
    <t>132-0021</t>
  </si>
  <si>
    <t>東京都江戸川区中央１－３－２３</t>
  </si>
  <si>
    <t>03-5671-6530</t>
  </si>
  <si>
    <t>ｹｲﾈｸｽﾄ</t>
  </si>
  <si>
    <t>（株）フジコウ</t>
  </si>
  <si>
    <t>藤掛祐二郎</t>
  </si>
  <si>
    <t>350-1151</t>
  </si>
  <si>
    <t>埼玉県川越市今福１３４１－１</t>
  </si>
  <si>
    <t>080-4363-1214</t>
  </si>
  <si>
    <t>ﾌｼﾞｺｳ</t>
  </si>
  <si>
    <t>須賀真一</t>
  </si>
  <si>
    <t>清風商事（株）</t>
  </si>
  <si>
    <t>　崔希友</t>
  </si>
  <si>
    <t>神奈川県大和市下和田２６２いちょう団地７７－５０６</t>
  </si>
  <si>
    <t>070-4328-7507</t>
  </si>
  <si>
    <t>ｾｲﾌｳｼｮｳｼﾞ</t>
  </si>
  <si>
    <t>崔希友</t>
  </si>
  <si>
    <t>（株）ＭＩＫＵＲＵＢＥ</t>
  </si>
  <si>
    <t>三廻部憂磨</t>
  </si>
  <si>
    <t>243-0418</t>
  </si>
  <si>
    <t>神奈川県海老名市大谷南２－８－１９</t>
  </si>
  <si>
    <t>046-219-5018</t>
  </si>
  <si>
    <t>ﾐｸﾙﾍﾞ</t>
  </si>
  <si>
    <t>（株）ラグナ</t>
  </si>
  <si>
    <t>ギュルシェンラマザン</t>
  </si>
  <si>
    <t>252-0826</t>
  </si>
  <si>
    <t>神奈川県藤沢市宮原３２１８－３</t>
  </si>
  <si>
    <t>080-9667-1996</t>
  </si>
  <si>
    <t>ﾗｸﾞﾅ</t>
  </si>
  <si>
    <t>山下博</t>
  </si>
  <si>
    <t>（株）ライフアップ</t>
  </si>
  <si>
    <t>井上慎吾</t>
  </si>
  <si>
    <t>261-0013</t>
  </si>
  <si>
    <t>千葉県千葉市美浜区打瀬１－２－３セントラルパーク・ウエストシータワー２５０５号</t>
  </si>
  <si>
    <t>090-6871-3983</t>
  </si>
  <si>
    <t>ﾗｲﾌｱｯﾌﾟ</t>
  </si>
  <si>
    <t>（株）立民工業</t>
  </si>
  <si>
    <t>松下立民</t>
  </si>
  <si>
    <t>177-0041</t>
  </si>
  <si>
    <t>東京都練馬区石神井町５－７－２３</t>
  </si>
  <si>
    <t>080-1266-7550</t>
  </si>
  <si>
    <t>（株）まとい</t>
  </si>
  <si>
    <t>小倉信彦</t>
  </si>
  <si>
    <t>145-0062</t>
  </si>
  <si>
    <t>東京都大田区北千束３－２０－６</t>
  </si>
  <si>
    <t>080-3006-8280</t>
  </si>
  <si>
    <t>工藤住建（株）</t>
  </si>
  <si>
    <t>　工藤莉沙</t>
  </si>
  <si>
    <t>神奈川県横浜市戸塚区深谷町１２１０－８３</t>
  </si>
  <si>
    <t>045-435-9030</t>
  </si>
  <si>
    <t>ｸﾄﾞｳｼﾞｭｳｹﾝ</t>
  </si>
  <si>
    <t>工藤莉沙</t>
  </si>
  <si>
    <t>（同）博栄建設</t>
  </si>
  <si>
    <t>　鎌田博樹</t>
  </si>
  <si>
    <t>埼玉県川口市本前川３－３１－５</t>
  </si>
  <si>
    <t>048-202-2144</t>
  </si>
  <si>
    <t>ﾋﾛｴｲｹﾝｾﾂ</t>
  </si>
  <si>
    <t>鎌田博樹</t>
  </si>
  <si>
    <t>山形　啓輔</t>
  </si>
  <si>
    <t>332-0003</t>
  </si>
  <si>
    <t>埼玉県川口市東領家２－７－１２</t>
  </si>
  <si>
    <t>048-494-9601</t>
  </si>
  <si>
    <t>ﾔﾏｶﾞﾀ ｹｲｽｹ</t>
  </si>
  <si>
    <t>山形啓輔</t>
  </si>
  <si>
    <t>（株）新夢</t>
  </si>
  <si>
    <t>　ハスグルムスタファ</t>
  </si>
  <si>
    <t>333-0866</t>
  </si>
  <si>
    <t>埼玉県川口市大字芝６９９０－７４</t>
  </si>
  <si>
    <t>048-423-4401</t>
  </si>
  <si>
    <t>ｼﾝﾕﾒ</t>
  </si>
  <si>
    <t>ベルゴニアマリア　テレサ</t>
  </si>
  <si>
    <t>（有）スルガ斫り工業</t>
  </si>
  <si>
    <t>山本利雄</t>
  </si>
  <si>
    <t>411-0905</t>
  </si>
  <si>
    <t>静岡県駿東郡清水町長沢６９７</t>
  </si>
  <si>
    <t>055-981-0756</t>
  </si>
  <si>
    <t>ｽﾙｶﾞﾊﾂﾘｺｳｷﾞｮｳ</t>
  </si>
  <si>
    <t>（株）ロザ</t>
  </si>
  <si>
    <t>ユルドルム・ユルマズ</t>
  </si>
  <si>
    <t>埼玉県さいたま市緑区東浦和４－１２－１３</t>
  </si>
  <si>
    <t>090-9155-2109</t>
  </si>
  <si>
    <t>ﾛｻﾞ</t>
  </si>
  <si>
    <t>オズチャルギル真理紅</t>
  </si>
  <si>
    <t>（株）新和コーポレーション</t>
  </si>
  <si>
    <t>　徳盛ホセ</t>
  </si>
  <si>
    <t>208-0003</t>
  </si>
  <si>
    <t>東京都武蔵村山市中央２－３７－１４</t>
  </si>
  <si>
    <t>042-808-0917</t>
  </si>
  <si>
    <t>ｼﾝﾜｺｰﾎﾟﾚｰｼｮﾝ</t>
  </si>
  <si>
    <t>徳盛ホセ</t>
  </si>
  <si>
    <t>ＡＣＴＲＩＳＥ（株）</t>
  </si>
  <si>
    <t>　國尾僚太</t>
  </si>
  <si>
    <t>神奈川県藤沢市大鋸１２４３－１６</t>
  </si>
  <si>
    <t>0467-53-8140</t>
  </si>
  <si>
    <t>ｱｸﾄﾗｲｽﾞ</t>
  </si>
  <si>
    <t>（株）当間コーポレーション</t>
  </si>
  <si>
    <t>　トーマ・ハリル</t>
  </si>
  <si>
    <t>埼玉県川口市安行領根岸２５４９－１サンハイツ小林１０７号</t>
  </si>
  <si>
    <t>080-6418-6755</t>
  </si>
  <si>
    <t>ﾄｰﾏｺｰﾎﾟﾚｰｼｮﾝ</t>
  </si>
  <si>
    <t>キズルダマルオーハン</t>
  </si>
  <si>
    <t>ＧＭＣ（株）</t>
  </si>
  <si>
    <t>チョラクアリ</t>
  </si>
  <si>
    <t>埼玉県川口市大字神戸６２６－４</t>
  </si>
  <si>
    <t>090-5344-0347</t>
  </si>
  <si>
    <t>ｼﾞｰｴﾑｼｰ</t>
  </si>
  <si>
    <t>仙庭絵里</t>
  </si>
  <si>
    <t>（株）白石建業</t>
  </si>
  <si>
    <t>白石米親</t>
  </si>
  <si>
    <t>131-0044</t>
  </si>
  <si>
    <t>東京都墨田区文花１－１２－３</t>
  </si>
  <si>
    <t>03-6657-2907</t>
  </si>
  <si>
    <t>ｼﾗｲｼｹﾝｷﾞｮｳ</t>
  </si>
  <si>
    <t>Ｋ－ｍａｒｋｓ（株）</t>
  </si>
  <si>
    <t>香月友裕</t>
  </si>
  <si>
    <t>神奈川県海老名市門沢橋６－１４－１９</t>
  </si>
  <si>
    <t>046-238-6690</t>
  </si>
  <si>
    <t>ｹｰﾏｰｸｽ</t>
  </si>
  <si>
    <t>（株）冨樫興業</t>
  </si>
  <si>
    <t>冨樫強志</t>
  </si>
  <si>
    <t>337-0014</t>
  </si>
  <si>
    <t>埼玉県さいたま市見沼区大谷９９８</t>
  </si>
  <si>
    <t>048-797-9761</t>
  </si>
  <si>
    <t>冨樫建三</t>
  </si>
  <si>
    <t>一山総業（株）</t>
  </si>
  <si>
    <t>　亀井和志</t>
  </si>
  <si>
    <t>245-0021</t>
  </si>
  <si>
    <t>神奈川県横浜市泉区下和泉３－２３－３８</t>
  </si>
  <si>
    <t>045-286-9881</t>
  </si>
  <si>
    <t>ｲﾁﾔﾏｿｳｷﾞｮｳ</t>
  </si>
  <si>
    <t>亀井和志</t>
  </si>
  <si>
    <t>（株）武光</t>
  </si>
  <si>
    <t>　山崎武史</t>
  </si>
  <si>
    <t>334-0002</t>
  </si>
  <si>
    <t>埼玉県川口市鳩ヶ谷本町３－８－３－８０７号</t>
  </si>
  <si>
    <t>048-235-4067</t>
  </si>
  <si>
    <t>ﾀｹﾐﾂ</t>
  </si>
  <si>
    <t>山崎武史</t>
  </si>
  <si>
    <t>ＭＩＴＳＵ建設　ＳＡＴＯ　ＤＥ　ＭＡＣＥＤＯ　ＡＵＲＥＬＩＯ　ＭＩＴＳＵＲＯ</t>
  </si>
  <si>
    <t>411-0044</t>
  </si>
  <si>
    <t>静岡県三島市徳倉８１４－５北１棟</t>
  </si>
  <si>
    <t>055-950-6112</t>
  </si>
  <si>
    <t>ﾐﾂｹﾝｾﾂ ｻﾄｳ ﾃﾞ ﾏｾﾄﾞ ｱｳﾚﾘｵ ﾐﾂﾛ</t>
  </si>
  <si>
    <t>ＳＡＴＯ　ＤＥＭＡＣＥＤＯ</t>
  </si>
  <si>
    <t>ｋｕｒｏｄａ．ｋ（株）</t>
  </si>
  <si>
    <t>黒田浩司</t>
  </si>
  <si>
    <t>神奈川県川崎市高津区溝口１－９－７長谷川ビル５Ｆ０４</t>
  </si>
  <si>
    <t>044-455-7274</t>
  </si>
  <si>
    <t>ｸﾛﾀﾞｹｰ</t>
  </si>
  <si>
    <t>中村泰文</t>
  </si>
  <si>
    <t>佐々木工業（株）</t>
  </si>
  <si>
    <t>サリハンデニーズ</t>
  </si>
  <si>
    <t>埼玉県川口市大字石神２７９－１４</t>
  </si>
  <si>
    <t>048-278-5543</t>
  </si>
  <si>
    <t>ｻｻｷｺｳｷﾞｮｳ</t>
  </si>
  <si>
    <t>（同）ＯＳＡＫＡ</t>
  </si>
  <si>
    <t>ウチャルウムト</t>
  </si>
  <si>
    <t>埼玉県川口市元郷５－２６－１３グリンハイツカタノＡ２０２</t>
  </si>
  <si>
    <t>080-9344-5965</t>
  </si>
  <si>
    <t>ｵｵｻｶ</t>
  </si>
  <si>
    <t>（株）イーライズ</t>
  </si>
  <si>
    <t>鶴田祐実</t>
  </si>
  <si>
    <t>埼玉県川越市大字古谷上５７３０－１</t>
  </si>
  <si>
    <t>070-3201-9737</t>
  </si>
  <si>
    <t>前田涼介</t>
  </si>
  <si>
    <t>（株）ＭＫプロダクション</t>
  </si>
  <si>
    <t>周健華</t>
  </si>
  <si>
    <t>121-0057</t>
  </si>
  <si>
    <t>東京都足立区神明南２－１５－７－１階Ｂ</t>
  </si>
  <si>
    <t>03-5849-3901</t>
  </si>
  <si>
    <t>ｴﾑｹｰﾌﾟﾛﾀﾞｸｼｮﾝ</t>
  </si>
  <si>
    <t>曲政</t>
  </si>
  <si>
    <t>（同）本田興業</t>
  </si>
  <si>
    <t>本田夕子</t>
  </si>
  <si>
    <t>埼玉県川口市中青木４－１８－２－１０４ライオンズマンション川口中青木第２</t>
  </si>
  <si>
    <t>048-255-1795</t>
  </si>
  <si>
    <t>ﾎﾝﾀﾞｺｳｷﾞｮｳ</t>
  </si>
  <si>
    <t>本田イスマット</t>
  </si>
  <si>
    <t>長作興業　長嶺　妙作</t>
  </si>
  <si>
    <t>332-0006</t>
  </si>
  <si>
    <t>埼玉県川口市末広３－７－７７０３ロイヤルサンシティ―</t>
  </si>
  <si>
    <t>090-7452-5212</t>
  </si>
  <si>
    <t>ﾅｶﾞｻｸｺｳｷﾞｮｳ ﾅｶﾞﾐﾈ ﾀｴｻｸ</t>
  </si>
  <si>
    <t>長嶺妙作</t>
  </si>
  <si>
    <t>（株）美匠建設</t>
  </si>
  <si>
    <t>　下村一将</t>
  </si>
  <si>
    <t>190-1221</t>
  </si>
  <si>
    <t>東京都西多摩郡瑞穂町大字箱根ヶ崎１２４８－２　リバービル２Ｆ</t>
  </si>
  <si>
    <t>042-557-7479</t>
  </si>
  <si>
    <t>ﾋﾞｼｮｳｹﾝｾﾂ</t>
  </si>
  <si>
    <t>下村一将</t>
  </si>
  <si>
    <t>（株）ジェット興業</t>
  </si>
  <si>
    <t>　ゼンギンユスフ</t>
  </si>
  <si>
    <t>336-0015</t>
  </si>
  <si>
    <t>埼玉県さいたま市南区大字太田窪２９６３－１－１０１号</t>
  </si>
  <si>
    <t>090-8120-1530</t>
  </si>
  <si>
    <t>ｼﾞｪｯﾄｺｳｷﾞｮｳ</t>
  </si>
  <si>
    <t>ＳＡＭＩＮＭＥＳＵＴ</t>
  </si>
  <si>
    <t>（株）マルトク</t>
  </si>
  <si>
    <t>　鈴木哲男</t>
  </si>
  <si>
    <t>神奈川県川崎市宮前区菅生２－２２－２０　マルトクビル</t>
  </si>
  <si>
    <t>044-948-7030</t>
  </si>
  <si>
    <t>ﾏﾙﾄｸ</t>
  </si>
  <si>
    <t>新開勇樹</t>
  </si>
  <si>
    <t>（株）シーブリーム</t>
  </si>
  <si>
    <t>長谷川雅己</t>
  </si>
  <si>
    <t>神奈川県相模原市緑区東橋本４－７－１</t>
  </si>
  <si>
    <t>0427-12-9122</t>
  </si>
  <si>
    <t>ｼｰﾌﾞﾘｰﾑ</t>
  </si>
  <si>
    <t>（株）萠星</t>
  </si>
  <si>
    <t>齋藤茂雄</t>
  </si>
  <si>
    <t>神奈川県横須賀市平作３－２－９</t>
  </si>
  <si>
    <t>046-853-5871</t>
  </si>
  <si>
    <t>ﾒｲｾｲ</t>
  </si>
  <si>
    <t>かんぺきグループ（株）</t>
  </si>
  <si>
    <t>サカルムラット</t>
  </si>
  <si>
    <t>336-0024</t>
  </si>
  <si>
    <t>埼玉県さいたま市南区根岸２－２２－１４－１０３号</t>
  </si>
  <si>
    <t>048-705-1794</t>
  </si>
  <si>
    <t>ｶﾝﾍﾟｷｸﾞﾙｰﾌﾟ</t>
  </si>
  <si>
    <t>ＳＡＫＡＲＭＵＲＡＴ</t>
  </si>
  <si>
    <t>（株）プリズム</t>
  </si>
  <si>
    <t>永野光志</t>
  </si>
  <si>
    <t>243-0027</t>
  </si>
  <si>
    <t>神奈川県厚木市愛甲東１－２２－３０クレセンビル</t>
  </si>
  <si>
    <t>0428-52-8040</t>
  </si>
  <si>
    <t>ﾌﾟﾘｽﾞﾑ</t>
  </si>
  <si>
    <t>カマタ住宅（株）</t>
  </si>
  <si>
    <t>鎌田一宏</t>
  </si>
  <si>
    <t>245-0051</t>
  </si>
  <si>
    <t>神奈川県横浜市戸塚区名瀬町２８５５－４６</t>
  </si>
  <si>
    <t>045-811-3691</t>
  </si>
  <si>
    <t>ｶﾏﾀｼﾞｭｳﾀｸ</t>
  </si>
  <si>
    <t>（株）Ｇｏｏｄ　Ｆａｃｅ　Ｇｒｏｕｐ</t>
  </si>
  <si>
    <t>　神田真琴</t>
  </si>
  <si>
    <t>532-0011</t>
  </si>
  <si>
    <t>大阪府大阪市淀川区西中島７－１－３－５１４</t>
  </si>
  <si>
    <t>06-6838-3062</t>
  </si>
  <si>
    <t>ｸﾞｯﾄﾞﾌｪｲｽｸﾞﾙｰﾌﾟ</t>
  </si>
  <si>
    <t>神田真琴</t>
  </si>
  <si>
    <t>（株）プライム</t>
  </si>
  <si>
    <t>キルミズクスリドヴアン</t>
  </si>
  <si>
    <t>埼玉県川口市東川口４－１１－２５－３０９号　東川口宝レジデンス</t>
  </si>
  <si>
    <t>070-3305-4777</t>
  </si>
  <si>
    <t>ﾌﾟﾗｲﾑ</t>
  </si>
  <si>
    <t>亀井建設（株）</t>
  </si>
  <si>
    <t>　亀井正</t>
  </si>
  <si>
    <t>246-0015</t>
  </si>
  <si>
    <t>神奈川県横浜市瀬谷区本郷２－２－２１守屋ハイツ１０３</t>
  </si>
  <si>
    <t>070-1225-6789</t>
  </si>
  <si>
    <t>ｶﾒｲｹﾝｾﾂ</t>
  </si>
  <si>
    <t>亀井正</t>
  </si>
  <si>
    <t>（株）ＤＩＪＷＡＲ</t>
  </si>
  <si>
    <t>　サグラムオズヌル</t>
  </si>
  <si>
    <t>埼玉県川口市北園町１７－４</t>
  </si>
  <si>
    <t>048-202-8772</t>
  </si>
  <si>
    <t>ﾃﾞｨｼﾞﾜﾙ</t>
  </si>
  <si>
    <t>岡田勝</t>
  </si>
  <si>
    <t>（株）コジャ</t>
  </si>
  <si>
    <t>コジャアメット</t>
  </si>
  <si>
    <t>埼玉県越谷市谷中町４－２９１－３サンコーポあやせＢ２０２</t>
  </si>
  <si>
    <t>048-278-6355</t>
  </si>
  <si>
    <t>ｺｼﾞｬ</t>
  </si>
  <si>
    <t>コジャ恵</t>
  </si>
  <si>
    <t>（株）ＡＤＡＲ</t>
  </si>
  <si>
    <t>ＧＯＺＬＵＧＯＬＭＥＨＭＥＴＡＫＩＦ</t>
  </si>
  <si>
    <t>埼玉県越谷市大字北後谷７８９－５</t>
  </si>
  <si>
    <t>080-4739-1987</t>
  </si>
  <si>
    <t>ｱﾀﾞﾙ</t>
  </si>
  <si>
    <t>根本義和</t>
  </si>
  <si>
    <t>政吉（株）</t>
  </si>
  <si>
    <t>デュンダルミュスリュム</t>
  </si>
  <si>
    <t>343-0832</t>
  </si>
  <si>
    <t>埼玉県越谷市南町１－２０－３１０３</t>
  </si>
  <si>
    <t>080-4683-6439</t>
  </si>
  <si>
    <t>ﾏｻﾖｼ</t>
  </si>
  <si>
    <t>ＧＵＮＳＩＬＩＯＭＥＲ</t>
  </si>
  <si>
    <t>（株）ダイシンホーム</t>
  </si>
  <si>
    <t>大沢敬太郎</t>
  </si>
  <si>
    <t>東京都町田市野津田町３７２２－２５</t>
  </si>
  <si>
    <t>042-856-8433</t>
  </si>
  <si>
    <t>ﾀﾞｲｼﾝﾎｰﾑ</t>
  </si>
  <si>
    <t>（株）Ｒ．Ｓコーポレーション</t>
  </si>
  <si>
    <t>鈴木直行</t>
  </si>
  <si>
    <t>埼玉県三郷市戸ケ崎３１４８－５戸ヶ崎ビル２階</t>
  </si>
  <si>
    <t>048-951-4400</t>
  </si>
  <si>
    <t>ｱｰﾙｴｽｺｰﾎﾚｰｼｮﾝ</t>
  </si>
  <si>
    <t>比田井建設工業（株）</t>
  </si>
  <si>
    <t>＊万学</t>
  </si>
  <si>
    <t>神奈川県大和市福田１６２４－２</t>
  </si>
  <si>
    <t>080-3360-3521</t>
  </si>
  <si>
    <t>ﾋﾀﾞｲｹﾝｾﾂｺｳｷﾞｮｳ</t>
  </si>
  <si>
    <t>（株）エイト</t>
  </si>
  <si>
    <t>青木哲也</t>
  </si>
  <si>
    <t>140-0004</t>
  </si>
  <si>
    <t>東京都品川区南品川５－８－１０</t>
  </si>
  <si>
    <t>03-6433-3554</t>
  </si>
  <si>
    <t>ｴｲﾄ</t>
  </si>
  <si>
    <t>ＢＳＥ（株）</t>
  </si>
  <si>
    <t>ガンゾリグツェングーン</t>
  </si>
  <si>
    <t>284-0001</t>
  </si>
  <si>
    <t>千葉県四街道市大日２２６６</t>
  </si>
  <si>
    <t>043-424-0036</t>
  </si>
  <si>
    <t>ﾋﾞｰｴｽｲｰ</t>
  </si>
  <si>
    <t>（株）ゼンギン</t>
  </si>
  <si>
    <t>ゼンギンイブラヒム</t>
  </si>
  <si>
    <t>埼玉県川口市大字芝７２１１－１０</t>
  </si>
  <si>
    <t>080-6232-2700</t>
  </si>
  <si>
    <t>ｾﾞﾝｷﾞﾝ</t>
  </si>
  <si>
    <t>ＺＥＮＧＩＮＹＵＳＵＦ</t>
  </si>
  <si>
    <t>（株）進成</t>
  </si>
  <si>
    <t>ウェン・ティ・カン・フーン</t>
  </si>
  <si>
    <t>神奈川県厚木市上荻野２６９８－２</t>
  </si>
  <si>
    <t>080-6660-2244</t>
  </si>
  <si>
    <t>ｼﾝｾｲ</t>
  </si>
  <si>
    <t>★★</t>
  </si>
  <si>
    <t>越川　哲也</t>
  </si>
  <si>
    <t>287-0107</t>
  </si>
  <si>
    <t>千葉県香取市助沢８４７－２</t>
  </si>
  <si>
    <t>080-3269-0000</t>
  </si>
  <si>
    <t>ｺｼｶﾜ ﾃﾂﾔ</t>
  </si>
  <si>
    <t>（株）テス・テックス</t>
  </si>
  <si>
    <t>富永英</t>
  </si>
  <si>
    <t>252-0239</t>
  </si>
  <si>
    <t>神奈川県相模原市中央区中央３－１１－１９榎本第二ビル２０４号</t>
  </si>
  <si>
    <t>042-813-9344</t>
  </si>
  <si>
    <t>ﾃｽﾃｯｸｽ</t>
  </si>
  <si>
    <t>ＮＥＷＬＩＦＥ（株）</t>
  </si>
  <si>
    <t>グエン・キム・アン</t>
  </si>
  <si>
    <t>埼玉県越谷市砂原３３４－１</t>
  </si>
  <si>
    <t>090-2440-0210</t>
  </si>
  <si>
    <t>ﾆｭｰﾗｲﾌ</t>
  </si>
  <si>
    <t>嶋田太郎</t>
  </si>
  <si>
    <t>（株）九州建設</t>
  </si>
  <si>
    <t>中原大介</t>
  </si>
  <si>
    <t>130-0013</t>
  </si>
  <si>
    <t>東京都墨田区錦糸４－１１－３</t>
  </si>
  <si>
    <t>03-5809-7565</t>
  </si>
  <si>
    <t>ｷｭｳｼｭｳｹﾝｾﾂ</t>
  </si>
  <si>
    <t>（株）清水</t>
  </si>
  <si>
    <t>0463-20-9712</t>
  </si>
  <si>
    <t>ｼﾐｽﾞ</t>
  </si>
  <si>
    <t>あらい建設　荒井亨</t>
  </si>
  <si>
    <t>252-0823</t>
  </si>
  <si>
    <t>神奈川県藤沢市菖蒲沢８２４－４</t>
  </si>
  <si>
    <t>0466-54-8764</t>
  </si>
  <si>
    <t>ｱﾗｲｹﾝｾﾂ ｱﾗｲﾄｵﾙ</t>
  </si>
  <si>
    <t>荒井亨</t>
  </si>
  <si>
    <t>（株）住建興業</t>
  </si>
  <si>
    <t>金将寿</t>
  </si>
  <si>
    <t>110-0016</t>
  </si>
  <si>
    <t>東京都台東区台東４－１－９Ｉ・Ｓ・Ｉビル６Ｆ</t>
  </si>
  <si>
    <t>03-6284-4193</t>
  </si>
  <si>
    <t>ｼﾞｭｳｹﾝｺｳｷﾞｮｳ</t>
  </si>
  <si>
    <t>趙誠泰</t>
  </si>
  <si>
    <t>Ｔ－ＫＥＩ（株）</t>
  </si>
  <si>
    <t>コジョーランイブラヒム</t>
  </si>
  <si>
    <t>埼玉県川口市戸塚２－２０－１ロイヤルメゾン２０５</t>
  </si>
  <si>
    <t>080-9883-7685</t>
  </si>
  <si>
    <t>ﾃｨｰｹｲ</t>
  </si>
  <si>
    <t>コジョーラン友美</t>
  </si>
  <si>
    <t>（有）宗和</t>
  </si>
  <si>
    <t>木下英亮</t>
  </si>
  <si>
    <t>201-0015</t>
  </si>
  <si>
    <t>東京都狛江市猪方３－１－３</t>
  </si>
  <si>
    <t>03-5761-4827</t>
  </si>
  <si>
    <t>ｿｳﾜ</t>
  </si>
  <si>
    <t>（同）Ｕｎｉｏｎ　Ｓｏｌｄｉｅｒ</t>
  </si>
  <si>
    <t>田仲裕紀</t>
  </si>
  <si>
    <t>362-0807</t>
  </si>
  <si>
    <t>埼玉県北足立郡伊奈町寿２－２８５－１０１号室</t>
  </si>
  <si>
    <t>070-6565-4483</t>
  </si>
  <si>
    <t>ﾕﾆｵﾝｿﾙｼﾞｬｰ</t>
  </si>
  <si>
    <t>（株）渡辺工業</t>
  </si>
  <si>
    <t>　渡辺康平</t>
  </si>
  <si>
    <t>神奈川県大和市下和田５－１</t>
  </si>
  <si>
    <t>046-404-9478</t>
  </si>
  <si>
    <t>ﾜﾀﾅﾍﾞｺｳｷﾞｮｳ</t>
  </si>
  <si>
    <t>渡辺康平</t>
  </si>
  <si>
    <t>（株）Ｊ－ＳＴＯＫＥ</t>
  </si>
  <si>
    <t>　大城勝朗</t>
  </si>
  <si>
    <t>215-0013</t>
  </si>
  <si>
    <t>神奈川県川崎市麻生区王禅寺１２５４－６７</t>
  </si>
  <si>
    <t>090-3902-4382</t>
  </si>
  <si>
    <t>ｼﾞｪｲｽﾄｰｸ</t>
  </si>
  <si>
    <t>大城勝朗</t>
  </si>
  <si>
    <t>（株）ハサノ</t>
  </si>
  <si>
    <t>　ゼンギン・ハチジエ</t>
  </si>
  <si>
    <t>埼玉県川口市北原台１－１５－４－１０３</t>
  </si>
  <si>
    <t>080-6690-6082</t>
  </si>
  <si>
    <t>ﾊｻﾉ</t>
  </si>
  <si>
    <t>三ツ木敏明</t>
  </si>
  <si>
    <t>（同）ステルク</t>
  </si>
  <si>
    <t>　嶋津まゆみ</t>
  </si>
  <si>
    <t>埼玉県川口市北原台２－５－２３北原台ガーデン１０１</t>
  </si>
  <si>
    <t>090-4956-5448</t>
  </si>
  <si>
    <t>ｽﾃﾙｸ</t>
  </si>
  <si>
    <t>嶋津まゆみ</t>
  </si>
  <si>
    <t>（株）村田解体</t>
  </si>
  <si>
    <t>　村田幸博</t>
  </si>
  <si>
    <t>埼玉県川口市在家町１６－３２</t>
  </si>
  <si>
    <t>080-4015-5791</t>
  </si>
  <si>
    <t>ﾑﾗﾀｶｲﾀｲ</t>
  </si>
  <si>
    <t>村田幸博</t>
  </si>
  <si>
    <t>（同）ＴＭ　ｌｉｆｔｉｎｇ</t>
  </si>
  <si>
    <t>相澤敏喜</t>
  </si>
  <si>
    <t>192-0033</t>
  </si>
  <si>
    <t>東京都八王子市高倉町４６－１８</t>
  </si>
  <si>
    <t>042-698-4598</t>
  </si>
  <si>
    <t>ﾃｨｰｴﾑﾘﾌﾃｨﾝｸﾞ</t>
  </si>
  <si>
    <t>間瀬祐介</t>
  </si>
  <si>
    <t>ＴＡＩＳＥＩ（株）</t>
  </si>
  <si>
    <t>レドウィックタイン</t>
  </si>
  <si>
    <t>神奈川県横須賀市坂本町６－４０－２　右１Ｆ</t>
  </si>
  <si>
    <t>046-815-6706</t>
  </si>
  <si>
    <t>ﾀｲｾｲ</t>
  </si>
  <si>
    <t>大隅浩司</t>
  </si>
  <si>
    <t>リンピアダ　メデル　ジョン　ビタン</t>
  </si>
  <si>
    <t>254-0913</t>
  </si>
  <si>
    <t>神奈川県平塚市万田１－１５－２７－４０３フルール湘南</t>
  </si>
  <si>
    <t>070-4288-2471</t>
  </si>
  <si>
    <t>ﾘﾝﾋｱﾀﾞﾒﾃﾞﾙｼﾞｮﾝﾋﾞﾀﾝ</t>
  </si>
  <si>
    <t>リンピアダ　メデルジョン　ビタン</t>
  </si>
  <si>
    <t>（株）マイムジャパン</t>
  </si>
  <si>
    <t>　増田達哉</t>
  </si>
  <si>
    <t>静岡県駿東郡清水町長沢１４４－１</t>
  </si>
  <si>
    <t>055-975-6221</t>
  </si>
  <si>
    <t>ﾏｲﾑｼﾞｬﾊﾟﾝ</t>
  </si>
  <si>
    <t>佐藤光</t>
  </si>
  <si>
    <t>（株）アリ</t>
  </si>
  <si>
    <t>ユルドゥルムセルカン</t>
  </si>
  <si>
    <t>埼玉県川口市道合２８７－７チェリーロード２０１号室</t>
  </si>
  <si>
    <t>048-767-5249</t>
  </si>
  <si>
    <t>ｱﾘ</t>
  </si>
  <si>
    <t>ユルドゥルム亜耶</t>
  </si>
  <si>
    <t>（株）ＮＡＲＩＮ</t>
  </si>
  <si>
    <t>　イシジョシクン</t>
  </si>
  <si>
    <t>埼玉県川口市上青木４－５－１上青木ハイリーハイツ１０２</t>
  </si>
  <si>
    <t>080-9172-2312</t>
  </si>
  <si>
    <t>ﾅﾘﾝ</t>
  </si>
  <si>
    <t>ＩＳＣＯＳＫＵＮ</t>
  </si>
  <si>
    <t>（株）瀧澤興業</t>
  </si>
  <si>
    <t>瀧澤諒</t>
  </si>
  <si>
    <t>343-0825</t>
  </si>
  <si>
    <t>埼玉県越谷市大成町１－２１６６－１</t>
  </si>
  <si>
    <t>048-912-1305</t>
  </si>
  <si>
    <t>ﾀｷｻﾞﾜｺｳｷﾞｮｳ</t>
  </si>
  <si>
    <t>（株）ハトバ産業</t>
  </si>
  <si>
    <t>齋藤一也</t>
  </si>
  <si>
    <t>133-0054</t>
  </si>
  <si>
    <t>東京都江戸川区上篠崎２－９－１０</t>
  </si>
  <si>
    <t>03-5879-8150</t>
  </si>
  <si>
    <t>ﾊﾄﾊﾞｻﾝｷﾞｮｳ</t>
  </si>
  <si>
    <t>（株）ブリッジパートナー</t>
  </si>
  <si>
    <t>原野洋成</t>
  </si>
  <si>
    <t>214-0001</t>
  </si>
  <si>
    <t>神奈川県川崎市多摩区菅１－３－２</t>
  </si>
  <si>
    <t>044-819-7828</t>
  </si>
  <si>
    <t>ﾌﾞﾘｯｼﾊﾟｰﾄﾅｰ</t>
  </si>
  <si>
    <t>（株）ヤクシン町田</t>
  </si>
  <si>
    <t>194-0013</t>
  </si>
  <si>
    <t>東京都町田市原町田６－２６－６１Ｆ</t>
  </si>
  <si>
    <t>042-709-3800</t>
  </si>
  <si>
    <t>ﾔｸｼﾝﾏﾁﾀﾞ</t>
  </si>
  <si>
    <t>但馬晃平</t>
  </si>
  <si>
    <t>ＡＫアシスト　加藤　隆典</t>
  </si>
  <si>
    <t>埼玉県北足立郡伊奈町寿４－８１－３</t>
  </si>
  <si>
    <t>080-3701-8008</t>
  </si>
  <si>
    <t>ｴｰｹｰｱｼｽﾄ ｶﾄｳ ﾀｶﾉﾘ</t>
  </si>
  <si>
    <t>加藤隆典</t>
  </si>
  <si>
    <t>（株）エヌ・ケイ・アシスト</t>
  </si>
  <si>
    <t>成田友希子</t>
  </si>
  <si>
    <t>東京都足立区千住桜木２－１２－２</t>
  </si>
  <si>
    <t>03-6806-1892</t>
  </si>
  <si>
    <t>ｴﾇ ｹｲ ｱｲｽﾄ</t>
  </si>
  <si>
    <t>末富栄一</t>
  </si>
  <si>
    <t>朝楊興業（株）</t>
  </si>
  <si>
    <t>丁洪峰</t>
  </si>
  <si>
    <t>神奈川県大和市福田６４４－４</t>
  </si>
  <si>
    <t>0462-82-6119</t>
  </si>
  <si>
    <t>ﾁｮｳﾖｳｺｳｷﾞｮｳ</t>
  </si>
  <si>
    <t>（株）アトランティス</t>
  </si>
  <si>
    <t>酒井菜生子</t>
  </si>
  <si>
    <t>04-2001-1500</t>
  </si>
  <si>
    <t>ｱﾄﾗﾝﾃｨｽ</t>
  </si>
  <si>
    <t>（株）リメイクフォース</t>
  </si>
  <si>
    <t>　谷澤陽介</t>
  </si>
  <si>
    <t>東京都中野区中央５－２２－１３</t>
  </si>
  <si>
    <t>090-5820-3633</t>
  </si>
  <si>
    <t>ﾘﾒｲｸﾌｫｰｽ</t>
  </si>
  <si>
    <t>谷澤陽介</t>
  </si>
  <si>
    <t>（株）杉本工業</t>
  </si>
  <si>
    <t>　杉本翔太</t>
  </si>
  <si>
    <t>千葉県市原市五井６３４４－９</t>
  </si>
  <si>
    <t>0436-26-4384</t>
  </si>
  <si>
    <t>ｽｷﾞﾓﾄｺｳｷﾞｮｳ</t>
  </si>
  <si>
    <t>杉本翔太</t>
  </si>
  <si>
    <t>（同）真栄</t>
  </si>
  <si>
    <t>　伊丹三郎</t>
  </si>
  <si>
    <t>241-0824</t>
  </si>
  <si>
    <t>神奈川県横浜市旭区南希望が丘２０－１２</t>
  </si>
  <si>
    <t>090-7178-6083</t>
  </si>
  <si>
    <t>ｼﾝｴｲ</t>
  </si>
  <si>
    <t>伊丹三郎</t>
  </si>
  <si>
    <t>千代田観光（株）</t>
  </si>
  <si>
    <t>　檜山卓史</t>
  </si>
  <si>
    <t>埼玉県さいたま市岩槻区大字黒谷１３０６－３</t>
  </si>
  <si>
    <t>090-5436-0906</t>
  </si>
  <si>
    <t>ﾁﾖﾀﾞｶﾝｺｳ</t>
  </si>
  <si>
    <t>檜山卓史</t>
  </si>
  <si>
    <t>（株）ＤＥＲＳＩＭ</t>
  </si>
  <si>
    <t>　ゼンギンスレイマン</t>
  </si>
  <si>
    <t>332-0015</t>
  </si>
  <si>
    <t>埼玉県川口市川口５－１８－４</t>
  </si>
  <si>
    <t>048-203-9856</t>
  </si>
  <si>
    <t>ﾃﾞﾙｼﾑ</t>
  </si>
  <si>
    <t>清水和久</t>
  </si>
  <si>
    <t>（株）ＡＮＫＡ</t>
  </si>
  <si>
    <t>トルクメンアリ</t>
  </si>
  <si>
    <t>343-0806</t>
  </si>
  <si>
    <t>埼玉県越谷市宮本町２－７９－２</t>
  </si>
  <si>
    <t>090-1773-0244</t>
  </si>
  <si>
    <t>ｱﾝｶ</t>
  </si>
  <si>
    <t>コジャテペ優子</t>
  </si>
  <si>
    <t>ＲＯＹＡＬＴＨＲＯＮＥＪＡＰＡＮ（同）</t>
  </si>
  <si>
    <t>ドゥドゥ　サミュエルネー　アンポンサ</t>
  </si>
  <si>
    <t>213-0024</t>
  </si>
  <si>
    <t>神奈川県川崎市高津区明津１０６－２０</t>
  </si>
  <si>
    <t>044-982-9285</t>
  </si>
  <si>
    <t>ﾛｰﾔﾙｽﾛｰﾝｼﾞｬﾊﾟﾝ</t>
  </si>
  <si>
    <t>ＫＯＯＭＳＯＮＧＩＤＥＯＮ</t>
  </si>
  <si>
    <t>（株）早川商事</t>
  </si>
  <si>
    <t>　早川健一郎</t>
  </si>
  <si>
    <t>216-0044</t>
  </si>
  <si>
    <t>川崎市宮前区西野川２－１３－４０</t>
  </si>
  <si>
    <t>044-767-9991</t>
  </si>
  <si>
    <t>ﾊﾔｶﾜｼｮｳｼﾞ</t>
  </si>
  <si>
    <t>早川健一郎</t>
  </si>
  <si>
    <t>（株）飯田解体</t>
  </si>
  <si>
    <t>　飯田竜二</t>
  </si>
  <si>
    <t>ｲｲﾀﾞｶｲﾀｲ</t>
  </si>
  <si>
    <t>（株）日環</t>
  </si>
  <si>
    <t>　岡村篤秀</t>
  </si>
  <si>
    <t>神奈川県座間市東原３－１５－７</t>
  </si>
  <si>
    <t>046-253-0008</t>
  </si>
  <si>
    <t>ﾆｯｶﾝ</t>
  </si>
  <si>
    <t>高橋京治</t>
  </si>
  <si>
    <t>アリヤ（株）</t>
  </si>
  <si>
    <t>ユルドゥルムユルマズ</t>
  </si>
  <si>
    <t>埼玉県さいたま市南区大字太田窪２７６９－１０</t>
  </si>
  <si>
    <t>080-7931-3500</t>
  </si>
  <si>
    <t>三浦慎吾</t>
  </si>
  <si>
    <t>（株）川口組</t>
  </si>
  <si>
    <t>エールユルマズイブラヒム　バラン</t>
  </si>
  <si>
    <t>343-0837</t>
  </si>
  <si>
    <t>埼玉県越谷市蒲生本町２－２４プリマベーラ２０５</t>
  </si>
  <si>
    <t>048-971-5053</t>
  </si>
  <si>
    <t>ｶﾜｸﾁｸﾞﾐ</t>
  </si>
  <si>
    <t>松村憲二</t>
  </si>
  <si>
    <t>ノアテック（同）</t>
  </si>
  <si>
    <t>上田麻世</t>
  </si>
  <si>
    <t>215-0018</t>
  </si>
  <si>
    <t>神奈川県川崎市麻生区王禅寺東６－６－１９</t>
  </si>
  <si>
    <t>080-3819-3208</t>
  </si>
  <si>
    <t>ﾉｱﾃｯｸ</t>
  </si>
  <si>
    <t>（株）矢沢興業</t>
  </si>
  <si>
    <t>　ゼンギンアリ</t>
  </si>
  <si>
    <t>埼玉県川口市北園町４１－１３</t>
  </si>
  <si>
    <t>048-211-9908</t>
  </si>
  <si>
    <t>ﾔｻﾞﾜｺｳｷﾞｮｳ</t>
  </si>
  <si>
    <t>松村一※</t>
  </si>
  <si>
    <t>（株）三幸</t>
  </si>
  <si>
    <t>村木輝信</t>
  </si>
  <si>
    <t>111-0055</t>
  </si>
  <si>
    <t>東京都台東区三筋１－３－７－７０５</t>
  </si>
  <si>
    <t>03-6231-7180</t>
  </si>
  <si>
    <t>ｻﾝｺｳ</t>
  </si>
  <si>
    <t>（株）ＨＡＭＡ　ＲＯＯＭ</t>
  </si>
  <si>
    <t>　田中裕貴</t>
  </si>
  <si>
    <t>210-0022</t>
  </si>
  <si>
    <t>神奈川県川崎市川崎区池田１－１０－５　ＨＪＰＬＡＣＥＫＡＷＡＳＡＫＩ　１－Ａ</t>
  </si>
  <si>
    <t>044-379-0012</t>
  </si>
  <si>
    <t>ﾊﾏﾙｰﾑ</t>
  </si>
  <si>
    <t>田中裕貴</t>
  </si>
  <si>
    <t>（株）芽森</t>
  </si>
  <si>
    <t>トルクメンオグロメメット</t>
  </si>
  <si>
    <t>194-0005</t>
  </si>
  <si>
    <t>東京都町田市南町田３－２０－１０アイデックス南町田２１１</t>
  </si>
  <si>
    <t>070-8375-6405</t>
  </si>
  <si>
    <t>ﾒﾓﾘ</t>
  </si>
  <si>
    <t>石黒千春</t>
  </si>
  <si>
    <t>（株）ＨＡＬ</t>
  </si>
  <si>
    <t>武田拓</t>
  </si>
  <si>
    <t>110-0015</t>
  </si>
  <si>
    <t>東京都台東区東上野２－１８－７</t>
  </si>
  <si>
    <t>03-5876-5139</t>
  </si>
  <si>
    <t>ｴｲﾁｴｰｴﾙ</t>
  </si>
  <si>
    <t>中盛（株）</t>
  </si>
  <si>
    <t>　川端暁霞</t>
  </si>
  <si>
    <t>121-0824</t>
  </si>
  <si>
    <t>東京都足立区西伊興１－３－２５３号室</t>
  </si>
  <si>
    <t>080-6369-6888</t>
  </si>
  <si>
    <t>ﾅｶﾓﾘ</t>
  </si>
  <si>
    <t>川端暁霞</t>
  </si>
  <si>
    <t>（株）リプロライン</t>
  </si>
  <si>
    <t>　永嶋浩一</t>
  </si>
  <si>
    <t>183-0005</t>
  </si>
  <si>
    <t>東京都府中市若松町１－１－２</t>
  </si>
  <si>
    <t>042-366-1980</t>
  </si>
  <si>
    <t>ﾘﾌﾟﾛﾗｲﾝ</t>
  </si>
  <si>
    <t>永嶋浩一</t>
  </si>
  <si>
    <t>（株）三和商事</t>
  </si>
  <si>
    <t>　杉山心悦</t>
  </si>
  <si>
    <t>神奈川県横浜市泉区上飯田町２６７０１３棟５０２号</t>
  </si>
  <si>
    <t>045-801-6511</t>
  </si>
  <si>
    <t>杉山健一</t>
  </si>
  <si>
    <t>Ｉ－ＰＬＡＮ（株）</t>
  </si>
  <si>
    <t>瀬端未結</t>
  </si>
  <si>
    <t>251-0028</t>
  </si>
  <si>
    <t>神奈川県藤沢市本鵠沼５－３－４</t>
  </si>
  <si>
    <t>0466-60-5055</t>
  </si>
  <si>
    <t>ｱｲﾌﾟﾗﾝ</t>
  </si>
  <si>
    <t>田邉竜一</t>
  </si>
  <si>
    <t>（株）ＴＡＫＥ　ＯＦＦ</t>
  </si>
  <si>
    <t>星野建樹</t>
  </si>
  <si>
    <t>神奈川県横浜市港南区上永谷６－１－１サルビアビル３０２号室</t>
  </si>
  <si>
    <t>080-8877-9986</t>
  </si>
  <si>
    <t>ﾃｲｸｵﾌ</t>
  </si>
  <si>
    <t>（株）エーテック</t>
  </si>
  <si>
    <t>　秋山祐子</t>
  </si>
  <si>
    <t>神奈川県横浜市瀬谷区阿久和西２－６０－４</t>
  </si>
  <si>
    <t>045-744-6869</t>
  </si>
  <si>
    <t>ｴｰﾃｯｸ</t>
  </si>
  <si>
    <t>秋山祐子</t>
  </si>
  <si>
    <t>（株）レベラ</t>
  </si>
  <si>
    <t>　深田奈那実</t>
  </si>
  <si>
    <t>東京都葛飾区東金町５－１３－１６－２０６</t>
  </si>
  <si>
    <t>03-3607-7770</t>
  </si>
  <si>
    <t>ﾚﾍﾞﾗ</t>
  </si>
  <si>
    <t>深田泰裕</t>
  </si>
  <si>
    <t>アイハン（株）</t>
  </si>
  <si>
    <t>　アイハンムスルム</t>
  </si>
  <si>
    <t>343-0838</t>
  </si>
  <si>
    <t>埼玉県越谷市蒲生２－８－８ローゼンハイム３０１</t>
  </si>
  <si>
    <t>080-8448-3387</t>
  </si>
  <si>
    <t>ｱｲﾊﾝ</t>
  </si>
  <si>
    <t>ＥＲＢＩＬＲＥＳＵＬ</t>
  </si>
  <si>
    <t>（株）グランドール</t>
  </si>
  <si>
    <t>　北村雄大</t>
  </si>
  <si>
    <t>230-0012</t>
  </si>
  <si>
    <t>神奈川県横浜市鶴見区下末吉４－９－１７ユナイト鶴見サンドラの杜１０３号</t>
  </si>
  <si>
    <t>045-717-8640</t>
  </si>
  <si>
    <t>ｸﾞﾗﾝﾄﾞｰﾙ</t>
  </si>
  <si>
    <t>北村雄大</t>
  </si>
  <si>
    <t>（株）ジャン</t>
  </si>
  <si>
    <t>ジャンユルマズ</t>
  </si>
  <si>
    <t>埼玉県川口市東本郷１５３２－１</t>
  </si>
  <si>
    <t>080-9373-0103</t>
  </si>
  <si>
    <t>ｼﾞｬﾝ</t>
  </si>
  <si>
    <t>（株）ニッセツ</t>
  </si>
  <si>
    <t>　岩下智之</t>
  </si>
  <si>
    <t>神奈川県横浜市戸塚区川上町６８９－２０</t>
  </si>
  <si>
    <t>045-810-0101</t>
  </si>
  <si>
    <t>ﾆｯｾﾂ</t>
  </si>
  <si>
    <t>岩下智之</t>
  </si>
  <si>
    <t>（有）みあさ</t>
  </si>
  <si>
    <t>　和田雅広</t>
  </si>
  <si>
    <t>241-0825</t>
  </si>
  <si>
    <t>神奈川県横浜市旭区中希望が丘１８０－１</t>
  </si>
  <si>
    <t>045-391-4738</t>
  </si>
  <si>
    <t>ﾐｱｻ</t>
  </si>
  <si>
    <t>植田優人</t>
  </si>
  <si>
    <t>（株）Ｒｅａｓｏｌ</t>
  </si>
  <si>
    <t>　齋藤龍彦</t>
  </si>
  <si>
    <t>105-0014</t>
  </si>
  <si>
    <t>東京都港区芝２－３０－１５</t>
  </si>
  <si>
    <t>03-5418-5545</t>
  </si>
  <si>
    <t>ﾘｱｿﾙ</t>
  </si>
  <si>
    <t>齋藤龍彦</t>
  </si>
  <si>
    <t>（株）ＣＮＧ</t>
  </si>
  <si>
    <t>ジェンギズムスルム</t>
  </si>
  <si>
    <t>埼玉県さいたま市緑区東浦和６－１３－１７鷲崎ルミエールコート１１６号</t>
  </si>
  <si>
    <t>048-706-5523</t>
  </si>
  <si>
    <t>ｼｰｴﾇｼﾞｰ</t>
  </si>
  <si>
    <t>（株）ＺＯＺＡＮ</t>
  </si>
  <si>
    <t>　アスランカスム</t>
  </si>
  <si>
    <t>333-0821</t>
  </si>
  <si>
    <t>埼玉県川口市大字東内野５２８－１７</t>
  </si>
  <si>
    <t>090-1033-0202</t>
  </si>
  <si>
    <t>ｿﾞｻﾞﾝ</t>
  </si>
  <si>
    <t>村岡進</t>
  </si>
  <si>
    <t>（株）興輝</t>
  </si>
  <si>
    <t>　宮原知香華</t>
  </si>
  <si>
    <t>406-0034</t>
  </si>
  <si>
    <t>山梨県笛吹市石和町唐柏４７５－２</t>
  </si>
  <si>
    <t>055-288-9777</t>
  </si>
  <si>
    <t>ﾊｽﾞｷ</t>
  </si>
  <si>
    <t>宮原修平</t>
  </si>
  <si>
    <t>（株）浩和興業</t>
  </si>
  <si>
    <t>霜鳥浩昭</t>
  </si>
  <si>
    <t>埼玉県川口市朝日３－１６－４－２０７</t>
  </si>
  <si>
    <t>090-6566-4239</t>
  </si>
  <si>
    <t>ｺｳﾜｺｳｷﾞｮｳ</t>
  </si>
  <si>
    <t>（株）エイト興業</t>
  </si>
  <si>
    <t>　村田哲也</t>
  </si>
  <si>
    <t>358-0045</t>
  </si>
  <si>
    <t>埼玉県入間市大字寺竹５１８－１１</t>
  </si>
  <si>
    <t>04-2008-2222</t>
  </si>
  <si>
    <t>ｴｲﾄｺｳｷﾞｮｳ</t>
  </si>
  <si>
    <t>村田哲也</t>
  </si>
  <si>
    <t>（同）ＫＡＩＴＡＱ</t>
  </si>
  <si>
    <t>　陳※　金辺に辛</t>
  </si>
  <si>
    <t>344-0024</t>
  </si>
  <si>
    <t>埼玉県春日部市千間１－１２９－４</t>
  </si>
  <si>
    <t>048-919-2847</t>
  </si>
  <si>
    <t>ｶｲﾀｯｸ</t>
  </si>
  <si>
    <t>宮﨑浩輔</t>
  </si>
  <si>
    <t>（株）皆川工業</t>
  </si>
  <si>
    <t>ミナカワ　クレベルタダシ</t>
  </si>
  <si>
    <t>252-1127</t>
  </si>
  <si>
    <t>神奈川県綾瀬市早川城山４－１－１９</t>
  </si>
  <si>
    <t>090-1268-8965</t>
  </si>
  <si>
    <t>ﾐﾅｶﾜｺｳｷｮｳ</t>
  </si>
  <si>
    <t>（株）エステックライン</t>
  </si>
  <si>
    <t>白石宏和</t>
  </si>
  <si>
    <t>344-0058</t>
  </si>
  <si>
    <t>埼玉県春日部市栄町１－１３３ストーンズ春日部２０６号</t>
  </si>
  <si>
    <t>090-8012-9811</t>
  </si>
  <si>
    <t>ｴｽﾃｯｸﾗｲﾝ</t>
  </si>
  <si>
    <t>髙橋商事（同）</t>
  </si>
  <si>
    <t>髙橋一男</t>
  </si>
  <si>
    <t>407-0175</t>
  </si>
  <si>
    <t>山梨県韮崎市穂坂町宮久保５４４０</t>
  </si>
  <si>
    <t>090-1791-8672</t>
  </si>
  <si>
    <t>ﾀｶﾊｼｼｮｳｼﾞ</t>
  </si>
  <si>
    <t>ＪＴＫ　武田順一</t>
  </si>
  <si>
    <t>241-0011</t>
  </si>
  <si>
    <t>神奈川県横浜市旭区川島町２９９８－２サンライフコーワ２０３</t>
  </si>
  <si>
    <t>090-6296-7266</t>
  </si>
  <si>
    <t>ｼﾞｪｰﾃｨｰｹｰﾀｹﾀﾞｼﾞｭﾝｲﾁ</t>
  </si>
  <si>
    <t>アルトンバスユーヌス　エンムレー</t>
  </si>
  <si>
    <t>（株）Ａｋｅｍ</t>
  </si>
  <si>
    <t>151-0066</t>
  </si>
  <si>
    <t>東京都渋谷区西原１－４３－３</t>
  </si>
  <si>
    <t>ｱｹﾑ</t>
  </si>
  <si>
    <t>（株）ＡＹＫＵＴ</t>
  </si>
  <si>
    <t>ブルドゥックアイクット</t>
  </si>
  <si>
    <t>110-0003</t>
  </si>
  <si>
    <t>東京都台東区根岸４－３－１０</t>
  </si>
  <si>
    <t>080-6669-0028</t>
  </si>
  <si>
    <t>ｱｲｸｯﾄ</t>
  </si>
  <si>
    <t>寺澤清司</t>
  </si>
  <si>
    <t>（株）Ｃｈｅ</t>
  </si>
  <si>
    <t>　セーゼルメメット</t>
  </si>
  <si>
    <t>333-0803</t>
  </si>
  <si>
    <t>埼玉県川口市大字藤兵衛新田１１９ルミナーレ綾瀬１０１号</t>
  </si>
  <si>
    <t>070-2260-7598</t>
  </si>
  <si>
    <t>ﾁｪ</t>
  </si>
  <si>
    <t>セーゼルメメット</t>
  </si>
  <si>
    <t>佐亜利工業（株）</t>
  </si>
  <si>
    <t>ＫＩＺＩＬＫＡＹＡＨＡＬＩＬ　ＩＢＲＡ</t>
  </si>
  <si>
    <t>333-0843</t>
  </si>
  <si>
    <t>埼玉県川口市前上町１２－１０М＆Ｋ３０３号室</t>
  </si>
  <si>
    <t>070-3537-4646</t>
  </si>
  <si>
    <t>ｻｱﾘｺｳｷﾞｮｳ</t>
  </si>
  <si>
    <t>（株）Ｂｒｉｇｈｔ</t>
  </si>
  <si>
    <t>　沢柳賢人</t>
  </si>
  <si>
    <t>神奈川県藤沢市高倉９９０－３３</t>
  </si>
  <si>
    <t>0466-54-7837</t>
  </si>
  <si>
    <t>沢柳賢人</t>
  </si>
  <si>
    <t>（株）イーワイ興業</t>
  </si>
  <si>
    <t>ヤイラジック・エユップ</t>
  </si>
  <si>
    <t>208-0034</t>
  </si>
  <si>
    <t>東京都武蔵村山市残堀４－５５－２ハイツコンフォート１０３号</t>
  </si>
  <si>
    <t>042-507-0599</t>
  </si>
  <si>
    <t>ｲｰﾜｲｺｳｷﾞｮｳ</t>
  </si>
  <si>
    <t>さくら工業</t>
  </si>
  <si>
    <t>108-0075</t>
  </si>
  <si>
    <t>東京都港区港南４－７－１１４０９</t>
  </si>
  <si>
    <t>080-4330-4433</t>
  </si>
  <si>
    <t>ｻｸﾗｺｳｷﾞｮｳ</t>
  </si>
  <si>
    <t>アスキャリネジャドホシャング</t>
  </si>
  <si>
    <t>（株）イクイノックス</t>
  </si>
  <si>
    <t>　太田力</t>
  </si>
  <si>
    <t>175-0092</t>
  </si>
  <si>
    <t>東京都板橋区赤塚５－１－５ル・クラージュ１０５</t>
  </si>
  <si>
    <t>080-9173-4154</t>
  </si>
  <si>
    <t>ｲｸｲﾉｯｸｽ</t>
  </si>
  <si>
    <t>中村貴之</t>
  </si>
  <si>
    <t>（有）津志田組</t>
  </si>
  <si>
    <t>　津志田龍樹</t>
  </si>
  <si>
    <t>神奈川県綾瀬市寺尾台２－２－２</t>
  </si>
  <si>
    <t>0467-80-2909</t>
  </si>
  <si>
    <t>ﾂｼﾀﾞｸﾐ</t>
  </si>
  <si>
    <t>津志田龍樹</t>
  </si>
  <si>
    <t>関戸産業（株）</t>
  </si>
  <si>
    <t>　※国超</t>
  </si>
  <si>
    <t>神奈川県藤沢市遠藤２５３１－１</t>
  </si>
  <si>
    <t>090-2751-0992</t>
  </si>
  <si>
    <t>ｾｷﾄﾞｻﾝｷﾞｮｳ</t>
  </si>
  <si>
    <t>※国超</t>
  </si>
  <si>
    <t>（株）ＬＥＯ</t>
  </si>
  <si>
    <t>ＡＹＤＩＮＭＵＳＴＡＦＡ</t>
  </si>
  <si>
    <t>336-0021</t>
  </si>
  <si>
    <t>埼玉県さいたま市別所５－１５－２</t>
  </si>
  <si>
    <t>090-8117-9641</t>
  </si>
  <si>
    <t>ﾚｵ</t>
  </si>
  <si>
    <t>中田光弘</t>
  </si>
  <si>
    <t>（株）成功</t>
  </si>
  <si>
    <t>バトスクバトジャラガル</t>
  </si>
  <si>
    <t>121-0812</t>
  </si>
  <si>
    <t>東京都足立区西保木間２－７－４</t>
  </si>
  <si>
    <t>03-5856-7649</t>
  </si>
  <si>
    <t>ｾｲｺｳ</t>
  </si>
  <si>
    <t>（株）ＳＷＤ</t>
  </si>
  <si>
    <t>芹澤亘</t>
  </si>
  <si>
    <t>412-0043</t>
  </si>
  <si>
    <t>静岡県御殿場市新橋１２８９－１３０</t>
  </si>
  <si>
    <t>0550-70-7020</t>
  </si>
  <si>
    <t>ｴｽﾀﾞﾌﾞﾙﾃﾞｨｰ</t>
  </si>
  <si>
    <t>（株）司創建</t>
  </si>
  <si>
    <t>　須藤健司</t>
  </si>
  <si>
    <t>神奈川県海老名市柏ケ谷６００－５（１－５０８）</t>
  </si>
  <si>
    <t>046-244-6321</t>
  </si>
  <si>
    <t>ﾂｶｻｿｳｹﾝ</t>
  </si>
  <si>
    <t>須藤直美</t>
  </si>
  <si>
    <t>（株）ＫＡＲＴＡＬ</t>
  </si>
  <si>
    <t>カルタールムラット</t>
  </si>
  <si>
    <t>333-0845</t>
  </si>
  <si>
    <t>埼玉県川口市上青木西１－５－１８エステート白尾１０２号</t>
  </si>
  <si>
    <t>080-7821-0890</t>
  </si>
  <si>
    <t>ｶﾙﾀｰﾙ</t>
  </si>
  <si>
    <t>藤井慶也</t>
  </si>
  <si>
    <t>（株）みさわ</t>
  </si>
  <si>
    <t>タドルオルハン</t>
  </si>
  <si>
    <t>339-0028</t>
  </si>
  <si>
    <t>埼玉県さいたま市岩槻区美園東２－３８－５ブライトサム美園Ａ棟１０３</t>
  </si>
  <si>
    <t>090-5990-2000</t>
  </si>
  <si>
    <t>ﾐｻﾜ</t>
  </si>
  <si>
    <t>井沢一孝</t>
  </si>
  <si>
    <t>（株）オサオ</t>
  </si>
  <si>
    <t>　鳥山久美</t>
  </si>
  <si>
    <t>235-0016</t>
  </si>
  <si>
    <t>神奈川県横浜市磯子区磯子２－２９－１０－６１３号</t>
  </si>
  <si>
    <t>090-3553-2699</t>
  </si>
  <si>
    <t>ｵｻｵ</t>
  </si>
  <si>
    <t>鳥山久美</t>
  </si>
  <si>
    <t>（株）ＳＩＭＢＡ</t>
  </si>
  <si>
    <t>ユージェル愛音</t>
  </si>
  <si>
    <t>埼玉県川口市木曽呂７９１－１　リバーヒルズ２０１号室</t>
  </si>
  <si>
    <t>090-6494-1117</t>
  </si>
  <si>
    <t>ｼﾝﾊﾞ</t>
  </si>
  <si>
    <t>ＣＯＬＡＫＢＵＬＥＮＴ</t>
  </si>
  <si>
    <t>（株）ゾゲ工業</t>
  </si>
  <si>
    <t>キリクハサン</t>
  </si>
  <si>
    <t>339-0057</t>
  </si>
  <si>
    <t>埼玉県さいたま市岩槻区本町３－１８－１２コーポカメタニ１０２号室</t>
  </si>
  <si>
    <t>080-1583-4344</t>
  </si>
  <si>
    <t>ｿﾞｹﾞｺｳｷﾞｮｳ</t>
  </si>
  <si>
    <t>佐藤豊</t>
  </si>
  <si>
    <t>明建設（株）</t>
  </si>
  <si>
    <t>　吉田海玲</t>
  </si>
  <si>
    <t>121-0836</t>
  </si>
  <si>
    <t>東京都足立区入谷１－９－９</t>
  </si>
  <si>
    <t>03-5809-5234</t>
  </si>
  <si>
    <t>ｱｷﾗｹﾝｾﾂ</t>
  </si>
  <si>
    <t>山川志宏</t>
  </si>
  <si>
    <t>ライオンスオートサービス（同）</t>
  </si>
  <si>
    <t>サカモトジェフェルソン</t>
  </si>
  <si>
    <t>神奈川県相模原市南区当麻３５３９－２７</t>
  </si>
  <si>
    <t>090-6520-1680</t>
  </si>
  <si>
    <t>ﾗｲｵﾝｽｵｰﾄｻｰﾋﾞｽ</t>
  </si>
  <si>
    <t>（株）ＩＳＯ工業</t>
  </si>
  <si>
    <t>イルマズメフメット・カン</t>
  </si>
  <si>
    <t>埼玉県川口市柳崎５－１２－２６スバルスリー１０２号</t>
  </si>
  <si>
    <t>080-1115-0202</t>
  </si>
  <si>
    <t>ｱｲｴｽｵｰｺｳｷﾞｮｳ</t>
  </si>
  <si>
    <t>カリンデミルタシュセルダル</t>
  </si>
  <si>
    <t>（株）Ａｒｉｎ</t>
  </si>
  <si>
    <t>カヤ朋</t>
  </si>
  <si>
    <t>神奈川県横浜市戸塚区下倉田町５５５第一山仁ハイツ４０４</t>
  </si>
  <si>
    <t>045-271-8488</t>
  </si>
  <si>
    <t>（株）ジーロコーポレーション</t>
  </si>
  <si>
    <t>ジーロフォーセン</t>
  </si>
  <si>
    <t>埼玉県川口市芝１－２３－５５１１号ルミエール３番館</t>
  </si>
  <si>
    <t>080-7215-7272</t>
  </si>
  <si>
    <t>ｼﾞｰﾛｺｰﾎﾟﾚｰｼｮﾝ</t>
  </si>
  <si>
    <t>（株）Ｌｅｋｕｔｏ</t>
  </si>
  <si>
    <t>　熊谷和宏</t>
  </si>
  <si>
    <t>213-0022</t>
  </si>
  <si>
    <t>神奈川県川崎市高津区千年９２５－１プランドール新城１階</t>
  </si>
  <si>
    <t>044-863-8142</t>
  </si>
  <si>
    <t>ﾚｸﾄ</t>
  </si>
  <si>
    <t>熊谷和宏</t>
  </si>
  <si>
    <t>（株）ＥＮＥＳ</t>
  </si>
  <si>
    <t>クズクオグルバイラム</t>
  </si>
  <si>
    <t>332-0012</t>
  </si>
  <si>
    <t>埼玉県川口市本町１－１５－６メゾン雅２０１号</t>
  </si>
  <si>
    <t>070-2162-2711</t>
  </si>
  <si>
    <t>ｴﾈｽ</t>
  </si>
  <si>
    <t>クズクオグルユスフ</t>
  </si>
  <si>
    <t>（株）尚志興業</t>
  </si>
  <si>
    <t>　岡崎勝志</t>
  </si>
  <si>
    <t>神奈川県茅ヶ崎市赤羽根３３－２モリパークス１０３号室</t>
  </si>
  <si>
    <t>090-4069-1440</t>
  </si>
  <si>
    <t>ﾅｵｼｺｳｷﾞｮｳ</t>
  </si>
  <si>
    <t>岡崎勝志</t>
  </si>
  <si>
    <t>（株）ベストワン</t>
  </si>
  <si>
    <t>ヤブスネディム</t>
  </si>
  <si>
    <t>334-0004</t>
  </si>
  <si>
    <t>埼玉県川口市大字辻１５３８－１</t>
  </si>
  <si>
    <t>048-430-7725</t>
  </si>
  <si>
    <t>ﾍﾞｽﾄﾜﾝ</t>
  </si>
  <si>
    <t>（有）イライダ</t>
  </si>
  <si>
    <t>ＫＯＲＨＵＳＥＹＩＮ</t>
  </si>
  <si>
    <t>東京都墨田区八広６－３－６</t>
  </si>
  <si>
    <t>03-6657-1189</t>
  </si>
  <si>
    <t>ｲﾗｲﾀﾞ</t>
  </si>
  <si>
    <t>（株）宮川商事</t>
  </si>
  <si>
    <t>宮川友和</t>
  </si>
  <si>
    <t>神奈川県小田原市久野６３７－１８</t>
  </si>
  <si>
    <t>0465-87-5280</t>
  </si>
  <si>
    <t>ﾐﾔｶﾞﾜｼｮｳｼﾞ</t>
  </si>
  <si>
    <t>（株）ＭＡＭＯ</t>
  </si>
  <si>
    <t>ウチャルグルムトゥル</t>
  </si>
  <si>
    <t>埼玉県川口市戸塚東４－６－７</t>
  </si>
  <si>
    <t>080-4146-2444</t>
  </si>
  <si>
    <t>ﾏﾓ</t>
  </si>
  <si>
    <t>（株）モチエイ</t>
  </si>
  <si>
    <t>　望月雅文</t>
  </si>
  <si>
    <t>409-2212</t>
  </si>
  <si>
    <t>山梨県南巨摩郡南部町南部３１６８－３</t>
  </si>
  <si>
    <t>0556-64-8238</t>
  </si>
  <si>
    <t>ﾓﾁｴｲ</t>
  </si>
  <si>
    <t>望月雅文</t>
  </si>
  <si>
    <t>（株）藤井工業</t>
  </si>
  <si>
    <t>藤井博</t>
  </si>
  <si>
    <t>340-0808</t>
  </si>
  <si>
    <t>埼玉県八潮市緑町４－２－１２</t>
  </si>
  <si>
    <t>048-947-5858</t>
  </si>
  <si>
    <t>ﾌｼﾞｲｺｳｷﾞｮｳ</t>
  </si>
  <si>
    <t>吉田海雷</t>
  </si>
  <si>
    <t>Ａ＆Ｔ総合（株）</t>
  </si>
  <si>
    <t>ファム・ティンズオ</t>
  </si>
  <si>
    <t>神奈川県藤沢市長後９２４－１４</t>
  </si>
  <si>
    <t>080-9482-1368</t>
  </si>
  <si>
    <t>ｴｲｱﾝﾄﾞﾃｨｿｳｺﾞｳ</t>
  </si>
  <si>
    <t>協同コアトレード（株）</t>
  </si>
  <si>
    <t>古川竜寿</t>
  </si>
  <si>
    <t>252-0154</t>
  </si>
  <si>
    <t>神奈川県相模原市緑区長竹７１７－３</t>
  </si>
  <si>
    <t>042-780-7088</t>
  </si>
  <si>
    <t>ｷｮｳﾄﾞｳｺｱﾄﾚｰﾄﾞ</t>
  </si>
  <si>
    <t>鈴木建築　鈴木　敏弘</t>
  </si>
  <si>
    <t>238-0045</t>
  </si>
  <si>
    <t>神奈川県横須賀市東逸見町１－３７</t>
  </si>
  <si>
    <t>046-897-3987</t>
  </si>
  <si>
    <t>ｽｽﾞｷｹﾝﾁｸ ｽｽﾞｷﾄｼﾋﾛ</t>
  </si>
  <si>
    <t>鈴木敏弘</t>
  </si>
  <si>
    <t>（株）虎建</t>
  </si>
  <si>
    <t>小湊薫</t>
  </si>
  <si>
    <t>東京都江戸川区松江２－１９－４</t>
  </si>
  <si>
    <t>03-3674-3421</t>
  </si>
  <si>
    <t>ﾄﾗｹﾝ</t>
  </si>
  <si>
    <t>小湊則男</t>
  </si>
  <si>
    <t>（株）ＳｏｃｉｕＳ</t>
  </si>
  <si>
    <t>小林豊孝</t>
  </si>
  <si>
    <t>243-0427</t>
  </si>
  <si>
    <t>神奈川県海老名市杉久保南１－２８－５－１号</t>
  </si>
  <si>
    <t>080-4464-0768</t>
  </si>
  <si>
    <t>ｿｷｳｽ</t>
  </si>
  <si>
    <t>栁沼宏郁</t>
  </si>
  <si>
    <t>（株）森本工業</t>
  </si>
  <si>
    <t>森本義昭</t>
  </si>
  <si>
    <t>232-0063</t>
  </si>
  <si>
    <t>神奈川県横浜市南区中里２－１８－８</t>
  </si>
  <si>
    <t>045-741-2045</t>
  </si>
  <si>
    <t>ﾓﾘﾓﾄｺｳｷﾞｮｳ</t>
  </si>
  <si>
    <t>（株）ＷＡＴＡＮＡＢＥ</t>
  </si>
  <si>
    <t>渡辺ブルーノエドゥワルド</t>
  </si>
  <si>
    <t>0467-30-9252</t>
  </si>
  <si>
    <t>成建　髙橋　航平</t>
  </si>
  <si>
    <t>252-0021</t>
  </si>
  <si>
    <t>神奈川県座間市緑ケ丘１－６－５ラ・コリーナ２０２</t>
  </si>
  <si>
    <t>090-4532-4919</t>
  </si>
  <si>
    <t>ｾｲｹﾝ ﾀｶﾊｼ  ｺｳﾍｲ</t>
  </si>
  <si>
    <t>髙橋航平</t>
  </si>
  <si>
    <t>（有）ＥＧＡＯ・ＲＥＬＡＴＩＯＮＳ</t>
  </si>
  <si>
    <t>奥田京子</t>
  </si>
  <si>
    <t>114-0023</t>
  </si>
  <si>
    <t>東京都北区滝野川６－２１－１－２５０５号</t>
  </si>
  <si>
    <t>03-3579-1111</t>
  </si>
  <si>
    <t>ｴｶﾞｵﾘﾚｰｼｮﾝｽﾞ</t>
  </si>
  <si>
    <t>（株）三信</t>
  </si>
  <si>
    <t>　佐藤文章</t>
  </si>
  <si>
    <t>341-0015</t>
  </si>
  <si>
    <t>埼玉県三郷市前間２４３－１</t>
  </si>
  <si>
    <t>048-951-3561</t>
  </si>
  <si>
    <t>ｻﾝｼﾝ</t>
  </si>
  <si>
    <t>佐藤文章</t>
  </si>
  <si>
    <t>（株）サクラ</t>
  </si>
  <si>
    <t>キズルメメット</t>
  </si>
  <si>
    <t>334-0001</t>
  </si>
  <si>
    <t>埼玉県川口市桜町６－９－１８</t>
  </si>
  <si>
    <t>048-287-8878</t>
  </si>
  <si>
    <t>芳賀大介</t>
  </si>
  <si>
    <t>（株）ハウスファクトリー横浜</t>
  </si>
  <si>
    <t>帖佐隆</t>
  </si>
  <si>
    <t>222-0035</t>
  </si>
  <si>
    <t>神奈川県横浜市港北区鳥山町２２８－１０</t>
  </si>
  <si>
    <t>045-534-3680</t>
  </si>
  <si>
    <t>ﾊｳｽﾌｧｸﾄﾘｰﾖｺﾊﾏ</t>
  </si>
  <si>
    <t>大重光章</t>
  </si>
  <si>
    <t>ジルマン工業（株）</t>
  </si>
  <si>
    <t>ジルマンジルベルト</t>
  </si>
  <si>
    <t>251-0876</t>
  </si>
  <si>
    <t>神奈川県藤沢市善行坂２－１１－６</t>
  </si>
  <si>
    <t>0466-84-4199</t>
  </si>
  <si>
    <t>ｼﾞﾙﾏﾝｺｳｷﾞｮｳ</t>
  </si>
  <si>
    <t>岩田　徳源エジソン</t>
  </si>
  <si>
    <t>（株）ＳＥＲＵ</t>
  </si>
  <si>
    <t>トーマセルダル</t>
  </si>
  <si>
    <t>埼玉県川口市大字安行領根岸２８７６フラワーコーポ２０２号</t>
  </si>
  <si>
    <t>080-6710-2002</t>
  </si>
  <si>
    <t>ｾﾙ</t>
  </si>
  <si>
    <t>野川由美</t>
  </si>
  <si>
    <t>（株）エコフレンド</t>
  </si>
  <si>
    <t>友寄隆行</t>
  </si>
  <si>
    <t>244-0813</t>
  </si>
  <si>
    <t>神奈川県横浜市戸塚区舞岡町１１２１－２</t>
  </si>
  <si>
    <t>045-443-6412</t>
  </si>
  <si>
    <t>ｴｺﾌﾚﾝﾄﾞ</t>
  </si>
  <si>
    <t>（株）ＧＡＹＥ＆ＧＡＭＺＥ</t>
  </si>
  <si>
    <t>カラクラクメメット</t>
  </si>
  <si>
    <t>埼玉県川口市戸塚３－３３－２ファミールメゾン２０４</t>
  </si>
  <si>
    <t>048-626-6595</t>
  </si>
  <si>
    <t>ｶﾞｲｴｱﾝﾄﾞｶﾞﾑｾﾞ</t>
  </si>
  <si>
    <t>ＹＵＣＥＬＶＡＫＫＡＳ</t>
  </si>
  <si>
    <t>（同）ＪＥＫ</t>
  </si>
  <si>
    <t>　皆川香</t>
  </si>
  <si>
    <t>135-0016</t>
  </si>
  <si>
    <t>東京都江東区東陽２－２－１０－２１４号</t>
  </si>
  <si>
    <t>090-4815-6563</t>
  </si>
  <si>
    <t>ｼﾞｪｲｲｰｹｰ</t>
  </si>
  <si>
    <t>皆川香</t>
  </si>
  <si>
    <t>ＣＭＴ（株）</t>
  </si>
  <si>
    <t>タシ　ジハンギルムルセル</t>
  </si>
  <si>
    <t>334-0054</t>
  </si>
  <si>
    <t>埼玉県川口市大字安行北谷５４５－１</t>
  </si>
  <si>
    <t>070-3818-2727</t>
  </si>
  <si>
    <t>ｼｰｴﾑﾃｰ</t>
  </si>
  <si>
    <t>（株）勇総業</t>
  </si>
  <si>
    <t>ムトゥルエルジャン</t>
  </si>
  <si>
    <t>340-0045</t>
  </si>
  <si>
    <t>埼玉県草加市小山２－１１－１６パインズアベニュー１０５</t>
  </si>
  <si>
    <t>048-947-6422</t>
  </si>
  <si>
    <t>ｲｻﾑｿｳｷﾞｮｳ</t>
  </si>
  <si>
    <t>平林則勇</t>
  </si>
  <si>
    <t>（株）月星工業</t>
  </si>
  <si>
    <t>アイルダズメフメット　アリ</t>
  </si>
  <si>
    <t>336-0931</t>
  </si>
  <si>
    <t>埼玉県さいたま市緑区原山２－４０－３レジデンス原山３０２</t>
  </si>
  <si>
    <t>048-671-9190</t>
  </si>
  <si>
    <t>ﾂｷﾎﾞｼｺｳｷﾞｮｳ</t>
  </si>
  <si>
    <t>アイルダズアーミナ　優璃子</t>
  </si>
  <si>
    <t>エバーグリーン　村田　宣雄</t>
  </si>
  <si>
    <t>320-0074</t>
  </si>
  <si>
    <t>栃木県宇都宮市細谷町７５２－１</t>
  </si>
  <si>
    <t>028-627-5111</t>
  </si>
  <si>
    <t>ｴﾊﾞｰｸﾞﾘｰﾝ       ﾑﾗﾀ   ﾉﾘｵ</t>
  </si>
  <si>
    <t>渡部大志</t>
  </si>
  <si>
    <t>（株）シッカリ工業</t>
  </si>
  <si>
    <t>　デミル・エルダル</t>
  </si>
  <si>
    <t>埼玉県川口市戸塚東１－２２－１０－２１３号室</t>
  </si>
  <si>
    <t>080-5295-8219</t>
  </si>
  <si>
    <t>ｼｯｶﾘｺｳｷﾞｮｳ</t>
  </si>
  <si>
    <t>デミル・エルダル</t>
  </si>
  <si>
    <t>（株）アワシン</t>
  </si>
  <si>
    <t>ユクセルアリ</t>
  </si>
  <si>
    <t>359-0002</t>
  </si>
  <si>
    <t>埼玉県所沢市大字中富２２６－１６ロジュマンシューベルブ１０１</t>
  </si>
  <si>
    <t>070-1277-2763</t>
  </si>
  <si>
    <t>ｱﾜｼﾝ</t>
  </si>
  <si>
    <t>＊井涼子</t>
  </si>
  <si>
    <t>（株）フラット</t>
  </si>
  <si>
    <t>谷地洸太</t>
  </si>
  <si>
    <t>173-0004</t>
  </si>
  <si>
    <t>東京都板橋区板橋１－１２－８－３０２号</t>
  </si>
  <si>
    <t>090-5207-0224</t>
  </si>
  <si>
    <t>松村祐樹</t>
  </si>
  <si>
    <t>（株）成新工業</t>
  </si>
  <si>
    <t>新井強志</t>
  </si>
  <si>
    <t>354-0032</t>
  </si>
  <si>
    <t>埼玉県富士見市渡戸２－５－３１アーバンヒルズ１０３号室</t>
  </si>
  <si>
    <t>090-7284-5259</t>
  </si>
  <si>
    <t>ｾｲｼﾝｺｳｷﾞｮｳ</t>
  </si>
  <si>
    <t>（株）シリアスカンパニー</t>
  </si>
  <si>
    <t>檜山明美</t>
  </si>
  <si>
    <t>162-0801</t>
  </si>
  <si>
    <t>東京都新宿区山吹町３４２－１２－８０１</t>
  </si>
  <si>
    <t>03-4363-0611</t>
  </si>
  <si>
    <t>ｼﾘｱｽｶﾝﾊﾟﾆｰ</t>
  </si>
  <si>
    <t>檜山加奈子</t>
  </si>
  <si>
    <t>（株）大晴商事</t>
  </si>
  <si>
    <t>森本裕也</t>
  </si>
  <si>
    <t>東京都稲城市矢野口２９４７－７</t>
  </si>
  <si>
    <t>050-8883-0878</t>
  </si>
  <si>
    <t>ﾀｲｾｲｼｮｳｼﾞ</t>
  </si>
  <si>
    <t>（株）叶栄工業</t>
  </si>
  <si>
    <t>佐野純平</t>
  </si>
  <si>
    <t>417-0061</t>
  </si>
  <si>
    <t>静岡県富士市伝法２４９８－４グリーンパレスフジⅢ－２０１号</t>
  </si>
  <si>
    <t>090-1471-4067</t>
  </si>
  <si>
    <t>ｷｮｳｴｲｺｳｷﾞｮｳ</t>
  </si>
  <si>
    <t>（株）原工業</t>
  </si>
  <si>
    <t>原　リカルドドス　サントス</t>
  </si>
  <si>
    <t>神奈川県綾瀬市寺尾西３－７－１３－５</t>
  </si>
  <si>
    <t>046-738-7430</t>
  </si>
  <si>
    <t>ﾊﾗｺｳｷﾞｮｳ</t>
  </si>
  <si>
    <t>レジェンドグループ（株）</t>
  </si>
  <si>
    <t>　金井将輝</t>
  </si>
  <si>
    <t>352-0011</t>
  </si>
  <si>
    <t>埼玉県新座市野火止３－４－８　オングリーン２Ｆ</t>
  </si>
  <si>
    <t>048-423-7397</t>
  </si>
  <si>
    <t>ﾚｼﾞｪﾝﾄﾞｸﾞﾙｰﾌﾟ</t>
  </si>
  <si>
    <t>金井将輝</t>
  </si>
  <si>
    <t>中山　康二</t>
  </si>
  <si>
    <t>神奈川県相模原市中央区清新８－２－５コモド相模原５０６</t>
  </si>
  <si>
    <t>090-8814-7343</t>
  </si>
  <si>
    <t>ﾅｶﾔﾏ ｺｳｼﾞ</t>
  </si>
  <si>
    <t>中山康二</t>
  </si>
  <si>
    <t>大城　優介</t>
  </si>
  <si>
    <t>252-0131</t>
  </si>
  <si>
    <t>神奈川県相模原市緑区西橋本１－９－５グリンコート２０２</t>
  </si>
  <si>
    <t>080-1703-5187</t>
  </si>
  <si>
    <t>ｵｵｼﾛ ﾕｳｽｹ</t>
  </si>
  <si>
    <t>大城優介</t>
  </si>
  <si>
    <t>Ｒｅ・Ｌａｎｄ（株）</t>
  </si>
  <si>
    <t>田中祥五</t>
  </si>
  <si>
    <t>151-0061</t>
  </si>
  <si>
    <t>東京都渋谷区初台２－２７－５</t>
  </si>
  <si>
    <t>03-6383-3635</t>
  </si>
  <si>
    <t>ﾘﾗﾝﾄﾞ</t>
  </si>
  <si>
    <t>（株）ＩＮＴＩ</t>
  </si>
  <si>
    <t>与那城ディエゴ</t>
  </si>
  <si>
    <t>神奈川県藤沢市長後１１５４－１ポラリスＦ２－１０２</t>
  </si>
  <si>
    <t>080-3545-2131</t>
  </si>
  <si>
    <t>ｲﾝﾃｨ</t>
  </si>
  <si>
    <t>鈴木　泰二</t>
  </si>
  <si>
    <t>410-2211</t>
  </si>
  <si>
    <t>静岡県伊豆の国市長岡１３４９－５９パールマンション３０２</t>
  </si>
  <si>
    <t>090-2373-6666</t>
  </si>
  <si>
    <t>ｽｽﾞｷ ﾔｽｼﾞ</t>
  </si>
  <si>
    <t>鈴木泰二</t>
  </si>
  <si>
    <t>彩和（株）</t>
  </si>
  <si>
    <t>コユンジュエリシン</t>
  </si>
  <si>
    <t>344-0032</t>
  </si>
  <si>
    <t>埼玉県春日部市備後東１－９－２８グランデール備後２０３号</t>
  </si>
  <si>
    <t>ｻｲﾜ</t>
  </si>
  <si>
    <t>佐藤充</t>
  </si>
  <si>
    <t>（株）Ｇ－ＢＲＩＧＨＴ</t>
  </si>
  <si>
    <t>　神長輝</t>
  </si>
  <si>
    <t>神奈川県海老名市東柏ケ谷４－６－２８</t>
  </si>
  <si>
    <t>080-4387-0660</t>
  </si>
  <si>
    <t>ｼﾞｰﾌﾞﾗｲﾄ</t>
  </si>
  <si>
    <t>神長輝</t>
  </si>
  <si>
    <t>横浜総合（株）</t>
  </si>
  <si>
    <t>秦桂志</t>
  </si>
  <si>
    <t>神奈川県大和市福田１４１２－９</t>
  </si>
  <si>
    <t>046-200-7465</t>
  </si>
  <si>
    <t>ﾖｺﾊﾏｿｳｺﾞｳ</t>
  </si>
  <si>
    <t>（株）ＹＵＭＥ　ＪＡＰＡＮ１</t>
  </si>
  <si>
    <t>ドーガンハサン</t>
  </si>
  <si>
    <t>埼玉県川口市柳崎１－４－１シンケンビル２０３号</t>
  </si>
  <si>
    <t>080-4635-1677</t>
  </si>
  <si>
    <t>ﾕﾒｼﾞｬﾊﾟﾝﾜﾝ</t>
  </si>
  <si>
    <t>（株）誠信工業</t>
  </si>
  <si>
    <t>張艶東</t>
  </si>
  <si>
    <t>270-2222</t>
  </si>
  <si>
    <t>千葉県松戸市高塚新田５６８－５４</t>
  </si>
  <si>
    <t>（同）未来興業</t>
  </si>
  <si>
    <t>カルタルバーティン</t>
  </si>
  <si>
    <t>埼玉県川口市神戸１４８－１</t>
  </si>
  <si>
    <t>048-234-3982</t>
  </si>
  <si>
    <t>（株）ＳＹコーポレーション</t>
  </si>
  <si>
    <t>ハリムジャノフアヒマディロ　アブド</t>
  </si>
  <si>
    <t>334-0003</t>
  </si>
  <si>
    <t>埼玉県川口市坂下町３－１２－６ジョイフルコート１０２号</t>
  </si>
  <si>
    <t>070-3322-1323</t>
  </si>
  <si>
    <t>ｴｽﾜｲｺｰﾎﾟﾚｰｼｮﾝ</t>
  </si>
  <si>
    <t>ＫＡＮＥＫＯＪＥＮＮＥＬＹＮ　Ｄ</t>
  </si>
  <si>
    <t>セキ工業（株）</t>
  </si>
  <si>
    <t>　席竜友</t>
  </si>
  <si>
    <t>神奈川県横浜市泉区上飯田町２６７０－１６－３０１号</t>
  </si>
  <si>
    <t>080-3598-6717</t>
  </si>
  <si>
    <t>ｾｷｺｳｷﾞｮｳ</t>
  </si>
  <si>
    <t>席竜友</t>
  </si>
  <si>
    <t>（株）Ｆｏｒ　Ｒ</t>
  </si>
  <si>
    <t>五十嵐将胤</t>
  </si>
  <si>
    <t>192-0042</t>
  </si>
  <si>
    <t>東京都八王子市中野山王１－６－１４</t>
  </si>
  <si>
    <t>090-4546-2986</t>
  </si>
  <si>
    <t>ﾌｫｰｱｰﾙ</t>
  </si>
  <si>
    <t>中村さち子</t>
  </si>
  <si>
    <t>（有）黒﨑商会</t>
  </si>
  <si>
    <t>　塩飽貴哉</t>
  </si>
  <si>
    <t>143-0027</t>
  </si>
  <si>
    <t>東京都大田区中馬込３－２４－７</t>
  </si>
  <si>
    <t>03-6410-7199</t>
  </si>
  <si>
    <t>ｸﾛｻｷｼｮｳｶｲ</t>
  </si>
  <si>
    <t>塩飽貴哉</t>
  </si>
  <si>
    <t>（株）明興業</t>
  </si>
  <si>
    <t>松田　リカルド明</t>
  </si>
  <si>
    <t>254-0915</t>
  </si>
  <si>
    <t>神奈川県平塚市出縄１３２－１４</t>
  </si>
  <si>
    <t>0463-57-2349</t>
  </si>
  <si>
    <t>ｱｷﾗｺｳｷﾞｮｳ</t>
  </si>
  <si>
    <t>ファーストハウス（株）</t>
  </si>
  <si>
    <t>　原田智明</t>
  </si>
  <si>
    <t>170-0013</t>
  </si>
  <si>
    <t>東京都豊島区東池袋１－３１－１０－３１４</t>
  </si>
  <si>
    <t>03-5980-7668</t>
  </si>
  <si>
    <t>ﾌｧｰｽﾄﾊｳｽ</t>
  </si>
  <si>
    <t>黄春景</t>
  </si>
  <si>
    <t>松下商会　松下　康路</t>
  </si>
  <si>
    <t>402-0023</t>
  </si>
  <si>
    <t>山梨県都留市大野５０－７県営熊井戸団地２－４０２</t>
  </si>
  <si>
    <t>0554-45-7731</t>
  </si>
  <si>
    <t>ﾏﾂｼﾀｼｮｳｶｲ ﾏﾂｼﾀ ﾔｽﾐﾁ</t>
  </si>
  <si>
    <t>松下康路</t>
  </si>
  <si>
    <t>ＳＡＷＡＫ（株）</t>
  </si>
  <si>
    <t>ヨルジュカディル</t>
  </si>
  <si>
    <t>埼玉県さいたま市岩槻区美園東１－７－５－４１０</t>
  </si>
  <si>
    <t>070-3899-6259</t>
  </si>
  <si>
    <t>ｼｬﾜｯｸ</t>
  </si>
  <si>
    <t>丸岡和彦</t>
  </si>
  <si>
    <t>（株）ＳＴＡＲ興業</t>
  </si>
  <si>
    <t>サバスサルマン</t>
  </si>
  <si>
    <t>埼玉県さいたま市見沼区中川２６０－２レイニオン松沢Ｃ棟２０１号室</t>
  </si>
  <si>
    <t>048-878-9220</t>
  </si>
  <si>
    <t>ｽﾀｰｺｳｷﾞｮｳ</t>
  </si>
  <si>
    <t>（株）リバイブ</t>
  </si>
  <si>
    <t>角山勇輔</t>
  </si>
  <si>
    <t>130-0003</t>
  </si>
  <si>
    <t>東京都墨田区横川５－９－４－２０７</t>
  </si>
  <si>
    <t>070-1536-3844</t>
  </si>
  <si>
    <t>ﾘﾊﾞｲﾌﾞ</t>
  </si>
  <si>
    <t>大沼一騎</t>
  </si>
  <si>
    <t>（株）森久保興業</t>
  </si>
  <si>
    <t>ＣＩＫＡＮＤＯＧＡＮ</t>
  </si>
  <si>
    <t>342-0045</t>
  </si>
  <si>
    <t>埼玉県吉川市木売２－１３－１ガーデンプレイス吉川１０１</t>
  </si>
  <si>
    <t>090-8346-2395</t>
  </si>
  <si>
    <t>ﾓﾘｸﾎﾞｺｳｷﾞｮｳ</t>
  </si>
  <si>
    <t>ＣＩＫＡＮＧＯＫＨＡＮ</t>
  </si>
  <si>
    <t>（株）染川商事</t>
  </si>
  <si>
    <t>染川伸一</t>
  </si>
  <si>
    <t>226-0002</t>
  </si>
  <si>
    <t>神奈川県横浜市緑区東本郷３－４０－５</t>
  </si>
  <si>
    <t>045-534-7318</t>
  </si>
  <si>
    <t>ｿﾒｶﾜｼｮｳｼﾞ</t>
  </si>
  <si>
    <t>（株）エゼル</t>
  </si>
  <si>
    <t>テミズメヘメットフェティ</t>
  </si>
  <si>
    <t>東京都練馬区下石神井５－１８－１８プレジール石神井公園Ⅲ２０１</t>
  </si>
  <si>
    <t>080-5957-0212</t>
  </si>
  <si>
    <t>ｴｾﾞﾙ</t>
  </si>
  <si>
    <t>（株）ＨＡＲＵ</t>
  </si>
  <si>
    <t>小澤俊介</t>
  </si>
  <si>
    <t>神奈川県藤沢市打戻１９３９－１４</t>
  </si>
  <si>
    <t>0466-47-6427</t>
  </si>
  <si>
    <t>ﾊﾙ</t>
  </si>
  <si>
    <t>永石龍太郎</t>
  </si>
  <si>
    <t>（株）瀧谷興業</t>
  </si>
  <si>
    <t>瀧谷達也</t>
  </si>
  <si>
    <t>201-0016</t>
  </si>
  <si>
    <t>東京都狛江市駒井町３－１０－４ミルリアン２０１</t>
  </si>
  <si>
    <t>090-4134-8028</t>
  </si>
  <si>
    <t>ﾀｷﾔｺｳｷﾞｮｳ</t>
  </si>
  <si>
    <t>Ｎ．Ａ．ＦＬＯＷ　名塚　悠紀</t>
  </si>
  <si>
    <t>神奈川県藤沢市長後１３２３－７</t>
  </si>
  <si>
    <t>046-621-9573</t>
  </si>
  <si>
    <t>ｴﾇｴｰﾌﾛｳ ﾅﾂﾞｶ ﾕｳｷ</t>
  </si>
  <si>
    <t>名塚悠紀</t>
  </si>
  <si>
    <t>マルケン（株）</t>
  </si>
  <si>
    <t>原秀茂</t>
  </si>
  <si>
    <t>132-0035</t>
  </si>
  <si>
    <t>東京都江戸川区平井５－２３－５平井ショッピングセンター６１１号</t>
  </si>
  <si>
    <t>03-6802-9208</t>
  </si>
  <si>
    <t>ﾏﾙｹﾝ</t>
  </si>
  <si>
    <t>ベコ（株）</t>
  </si>
  <si>
    <t>　ボザン・ベケル</t>
  </si>
  <si>
    <t>埼玉県川口市芝塚原２－２－２３</t>
  </si>
  <si>
    <t>080-8142-3186</t>
  </si>
  <si>
    <t>ﾍﾞｺ</t>
  </si>
  <si>
    <t>ＣＩＮＡＲＢＥＫＩＲ</t>
  </si>
  <si>
    <t>（株）プロセス</t>
  </si>
  <si>
    <t>小宮淳一</t>
  </si>
  <si>
    <t>神奈川県横浜市都筑区中川中央１－２３－４</t>
  </si>
  <si>
    <t>045-530-5355</t>
  </si>
  <si>
    <t>ﾌﾟﾛｾｽ</t>
  </si>
  <si>
    <t>苅部忠</t>
  </si>
  <si>
    <t>完璧（株）</t>
  </si>
  <si>
    <t>シャヒンメラル</t>
  </si>
  <si>
    <t>埼玉県川口市北園町３４－１７－２０２号セントヒルズ東浦和</t>
  </si>
  <si>
    <t>080-9892-9583</t>
  </si>
  <si>
    <t>ｶﾝﾍﾟｷ</t>
  </si>
  <si>
    <t>（株）ＬＵＬＵ不動産</t>
  </si>
  <si>
    <t>諸橋輝道</t>
  </si>
  <si>
    <t>神奈川県横浜市中区本牧町１－１５２－２</t>
  </si>
  <si>
    <t>045-264-8604</t>
  </si>
  <si>
    <t>ﾙﾙﾌﾄﾞｳｻﾝ</t>
  </si>
  <si>
    <t>（同）ＩＳＯ工業</t>
  </si>
  <si>
    <t>イルマズ・メフメット・カン</t>
  </si>
  <si>
    <t>343-0853</t>
  </si>
  <si>
    <t>埼玉県越谷市長島１４９－３</t>
  </si>
  <si>
    <t>大塚由貴代</t>
  </si>
  <si>
    <t>（株）画星商店</t>
  </si>
  <si>
    <t>画星亮介</t>
  </si>
  <si>
    <t>259-0122</t>
  </si>
  <si>
    <t>神奈川県中郡二宮町富士見が丘２－１５－２</t>
  </si>
  <si>
    <t>0463-70-2171</t>
  </si>
  <si>
    <t>ｴﾎﾞｼｼｮｳﾃﾝ</t>
  </si>
  <si>
    <t>（株）アークス</t>
  </si>
  <si>
    <t>　髙橋德博</t>
  </si>
  <si>
    <t>125-0061</t>
  </si>
  <si>
    <t>東京都葛飾区亀有３－２７－２０</t>
  </si>
  <si>
    <t>03-3602-1077</t>
  </si>
  <si>
    <t>ｱｰｸｽ</t>
  </si>
  <si>
    <t>矢澤昌博</t>
  </si>
  <si>
    <t>高長工業（株）</t>
  </si>
  <si>
    <t>ウルクトゥク・ゴクハン</t>
  </si>
  <si>
    <t>343-0047</t>
  </si>
  <si>
    <t>埼玉県越谷市大字弥十郎６２－１０</t>
  </si>
  <si>
    <t>070-2663-0657</t>
  </si>
  <si>
    <t>ｺｳﾁｮｳｺｳｷﾞｮｳ</t>
  </si>
  <si>
    <t>内藤旬映</t>
  </si>
  <si>
    <t>（株）木川産業</t>
  </si>
  <si>
    <t>木川大輔</t>
  </si>
  <si>
    <t>254-0019</t>
  </si>
  <si>
    <t>神奈川県平塚市西真土３－１３－１７－２</t>
  </si>
  <si>
    <t>0463-75-8635</t>
  </si>
  <si>
    <t>ｷｶﾞﾜｻﾝｷﾞｮｳ</t>
  </si>
  <si>
    <t>ジャン工業（株）</t>
  </si>
  <si>
    <t>　ジャン・ハカン</t>
  </si>
  <si>
    <t>123-0862</t>
  </si>
  <si>
    <t>東京都足立区皿沼２－１５－８ハーモニータウンⅥ・Ａ－３</t>
  </si>
  <si>
    <t>03-6803-1071</t>
  </si>
  <si>
    <t>カラナ・メメット・エミン</t>
  </si>
  <si>
    <t>（有）呂甲商事</t>
  </si>
  <si>
    <t>河泳達</t>
  </si>
  <si>
    <t>210-0833</t>
  </si>
  <si>
    <t>神奈川県川崎市川崎区桜本１－２０－２４</t>
  </si>
  <si>
    <t>044-276-5038</t>
  </si>
  <si>
    <t>ﾛｺｳｼｮｳｼﾞ</t>
  </si>
  <si>
    <t>（株）ＳＨＲ　Ｃｏｎｓｕｌｔｉｎｇ</t>
  </si>
  <si>
    <t>松葉貴也</t>
  </si>
  <si>
    <t>東京都足立区西新井栄町２－３－７－２０７</t>
  </si>
  <si>
    <t>03-4400-3710</t>
  </si>
  <si>
    <t>ｴｽｴｲﾁｱｰﾙｺﾝｻﾙﾃｨﾝｸﾞ</t>
  </si>
  <si>
    <t>（同）バラシヤ</t>
  </si>
  <si>
    <t>細井孝尚</t>
  </si>
  <si>
    <t>270-1143</t>
  </si>
  <si>
    <t>千葉県我孫子市天王台２－１０－７ロイヤルパレス天王台２０４</t>
  </si>
  <si>
    <t>050-6883-6122</t>
  </si>
  <si>
    <t>ﾊﾞﾗｼﾔ</t>
  </si>
  <si>
    <t>山田政史</t>
  </si>
  <si>
    <t>（株）村山工業</t>
  </si>
  <si>
    <t>太田裕紀</t>
  </si>
  <si>
    <t>東京都武蔵村山市大南３－１１４－１シャコンヌ大南１０５号</t>
  </si>
  <si>
    <t>042-843-9498</t>
  </si>
  <si>
    <t>ﾑﾗﾔﾏｺｳｷﾞｮｳ</t>
  </si>
  <si>
    <t>本田　寛典</t>
  </si>
  <si>
    <t>359-1145</t>
  </si>
  <si>
    <t>埼玉県所沢市大字山口５６３－１リバーサイドＫ２０３</t>
  </si>
  <si>
    <t>080-9291-9008</t>
  </si>
  <si>
    <t>ﾎﾝﾀﾞ ﾋﾛﾉﾘ</t>
  </si>
  <si>
    <t>本田寛典</t>
  </si>
  <si>
    <t>（株）小林商会</t>
  </si>
  <si>
    <t>　小林永喜</t>
  </si>
  <si>
    <t>東京都江戸川区南小岩８－１６－８朝日マンション２０１</t>
  </si>
  <si>
    <t>03-6826-9334</t>
  </si>
  <si>
    <t>ｺﾊﾞﾔｼｼｮｳｶｲ</t>
  </si>
  <si>
    <t>大坂一樹</t>
  </si>
  <si>
    <t>（株）ＭＩＴ</t>
  </si>
  <si>
    <t>アルトンダグ・ウグル</t>
  </si>
  <si>
    <t>330-0854</t>
  </si>
  <si>
    <t>埼玉県さいたま市大宮区桜木町２－３</t>
  </si>
  <si>
    <t>090-5165-4758</t>
  </si>
  <si>
    <t>ｴﾑｱｲﾃｨ</t>
  </si>
  <si>
    <t>岩本興産（株）</t>
  </si>
  <si>
    <t>岩本賢典</t>
  </si>
  <si>
    <t>210-0854</t>
  </si>
  <si>
    <t>神奈川県川崎市川崎区浅野町５－１６</t>
  </si>
  <si>
    <t>044-344-3246</t>
  </si>
  <si>
    <t>ｲﾜﾓﾄｺｳｻﾝ</t>
  </si>
  <si>
    <t>岩﨑伸行</t>
  </si>
  <si>
    <t>（株）イナバ</t>
  </si>
  <si>
    <t>稲葉雅之</t>
  </si>
  <si>
    <t>神奈川県横浜市中区本郷町３－６８ベイフラット本牧２０１号</t>
  </si>
  <si>
    <t>045-323-9523</t>
  </si>
  <si>
    <t>ｲﾅﾊﾞ</t>
  </si>
  <si>
    <t>大富（株）</t>
  </si>
  <si>
    <t>水間傅富</t>
  </si>
  <si>
    <t>340-0001</t>
  </si>
  <si>
    <t>埼玉県草加市柿木町１７４０－１</t>
  </si>
  <si>
    <t>090-1208-6868</t>
  </si>
  <si>
    <t>ｵｵﾄﾐ</t>
  </si>
  <si>
    <t>任（水間）傅富</t>
  </si>
  <si>
    <t>（株）三日月</t>
  </si>
  <si>
    <t>トズオズレム</t>
  </si>
  <si>
    <t>埼玉県川口市柳崎３－１１－９</t>
  </si>
  <si>
    <t>090-4627-0606</t>
  </si>
  <si>
    <t>ﾐｶﾂﾞｷ</t>
  </si>
  <si>
    <t>若谷翼</t>
  </si>
  <si>
    <t>ＳＥＮＧＥＲ（株）</t>
  </si>
  <si>
    <t>センゲル永佳</t>
  </si>
  <si>
    <t>340-0044</t>
  </si>
  <si>
    <t>埼玉県草加市花栗１－４－４５</t>
  </si>
  <si>
    <t>090-8561-0855</t>
  </si>
  <si>
    <t>ｾﾝｹﾞﾙ</t>
  </si>
  <si>
    <t>ＯＺＴＵＲＫＮＥＣＤＥＴ</t>
  </si>
  <si>
    <t>（株）ヨウヘイコーポレーション</t>
  </si>
  <si>
    <t>楊雪峰</t>
  </si>
  <si>
    <t>266-0026</t>
  </si>
  <si>
    <t>千葉県千葉市緑区古市場町４１８－１</t>
  </si>
  <si>
    <t>080-5881-0524</t>
  </si>
  <si>
    <t>ﾖｳﾍｲｺｰﾎﾚｰｼｮﾝ</t>
  </si>
  <si>
    <t>楊兵</t>
  </si>
  <si>
    <t>Ｎ．Ｋ（株）</t>
  </si>
  <si>
    <t>池田一輝</t>
  </si>
  <si>
    <t>180-0022</t>
  </si>
  <si>
    <t>東京都武蔵野市境１－４－１２エミールシティ１０２</t>
  </si>
  <si>
    <t>0422-38-4622</t>
  </si>
  <si>
    <t>ｴﾇｹｰ</t>
  </si>
  <si>
    <t>山下信彦</t>
  </si>
  <si>
    <t>（株）ＳＫ</t>
  </si>
  <si>
    <t>松本武夫</t>
  </si>
  <si>
    <t>106-0032</t>
  </si>
  <si>
    <t>東京都港区六本木７－６－１９６Ｆ</t>
  </si>
  <si>
    <t>03-6477-0725</t>
  </si>
  <si>
    <t>ｴｽｹｰ</t>
  </si>
  <si>
    <t>江藤幸</t>
  </si>
  <si>
    <t>ＪＢ土居（株）</t>
  </si>
  <si>
    <t>　土居マルシア</t>
  </si>
  <si>
    <t>神奈川県大和市福田２３３９－１５</t>
  </si>
  <si>
    <t>046-244-0497</t>
  </si>
  <si>
    <t>ｼﾞｪｲﾋﾞｰﾄﾞｲ</t>
  </si>
  <si>
    <t>土居マルシア</t>
  </si>
  <si>
    <t>ウナル興業（同）</t>
  </si>
  <si>
    <t>　ビリギンウナル</t>
  </si>
  <si>
    <t>埼玉県川口市末広２－１５－５ロワイヤル田中３０５号</t>
  </si>
  <si>
    <t>090-8431-6673</t>
  </si>
  <si>
    <t>ｳﾅﾙｺｳｷﾞｮｳ</t>
  </si>
  <si>
    <t>ビリギンウナル</t>
  </si>
  <si>
    <t>ＫａｒａｏｇｌａｎＦｅｒｄｉ</t>
  </si>
  <si>
    <t>埼玉県川口市前川３－５８－１３新栄ハイツＢ２０５</t>
  </si>
  <si>
    <t>080-1323-0370</t>
  </si>
  <si>
    <t>ｶｰﾀﾙ</t>
  </si>
  <si>
    <t>カラオグラン宏美</t>
  </si>
  <si>
    <t>（株）和夢</t>
  </si>
  <si>
    <t>　中嶋加夢意</t>
  </si>
  <si>
    <t>埼玉県新座市野火止５－３－６３－１００３</t>
  </si>
  <si>
    <t>090-8185-0756</t>
  </si>
  <si>
    <t>ﾅｺﾞﾑ</t>
  </si>
  <si>
    <t>中嶋加夢意</t>
  </si>
  <si>
    <t>（株）シンユー</t>
  </si>
  <si>
    <t>宮崎敦</t>
  </si>
  <si>
    <t>神奈川県藤沢市用田６１９－１ドルフ北村１０１</t>
  </si>
  <si>
    <t>0466-52-4303</t>
  </si>
  <si>
    <t>ｼﾝﾕｰ</t>
  </si>
  <si>
    <t>（株）古田興業</t>
  </si>
  <si>
    <t>古田旭</t>
  </si>
  <si>
    <t>245-0065</t>
  </si>
  <si>
    <t>神奈川県横浜市戸塚区東俣野町９０６－９</t>
  </si>
  <si>
    <t>090-4531-5320</t>
  </si>
  <si>
    <t>ﾌﾙﾀｺｳｷﾞｮｳ</t>
  </si>
  <si>
    <t>（株）第三空間</t>
  </si>
  <si>
    <t>本間真輔</t>
  </si>
  <si>
    <t>188-0013</t>
  </si>
  <si>
    <t>東京都西東京市向台町６－１－７宝荘１０１</t>
  </si>
  <si>
    <t>042-497-4891</t>
  </si>
  <si>
    <t>ﾀﾞｲｻﾝｸｳｶﾝ</t>
  </si>
  <si>
    <t>本間近</t>
  </si>
  <si>
    <t>（株）ＲｅＢＩＲＴＨ</t>
  </si>
  <si>
    <t>國村匠馬</t>
  </si>
  <si>
    <t>334-0005</t>
  </si>
  <si>
    <t>埼玉県川口市里１０６６－１</t>
  </si>
  <si>
    <t>080-1225-8546</t>
  </si>
  <si>
    <t>ﾘﾊﾞｰｽ</t>
  </si>
  <si>
    <t>渡部祥太</t>
  </si>
  <si>
    <t>（株）Ｍｏｎ－ＢＭ</t>
  </si>
  <si>
    <t>エルデネバトムンフジャルガル</t>
  </si>
  <si>
    <t>埼玉県川口市芝中田２－２６－２１・１Ｆ</t>
  </si>
  <si>
    <t>070-7494-2788</t>
  </si>
  <si>
    <t>ﾓﾝﾋﾞｰｴﾑ</t>
  </si>
  <si>
    <t>トヤフーバトノミン</t>
  </si>
  <si>
    <t>（株）ＴＵＲＵ</t>
  </si>
  <si>
    <t>ディシリ・トゥルガイ</t>
  </si>
  <si>
    <t>114-0034</t>
  </si>
  <si>
    <t>東京都北区上十条２－１５－４</t>
  </si>
  <si>
    <t>070-1532-4627</t>
  </si>
  <si>
    <t>ﾂﾙ</t>
  </si>
  <si>
    <t>ディシリトゥルガイ</t>
  </si>
  <si>
    <t>（有）グリーン商事</t>
  </si>
  <si>
    <t>坂口静雄</t>
  </si>
  <si>
    <t>350-0214</t>
  </si>
  <si>
    <t>埼玉県坂戸市千代田３－６－１６</t>
  </si>
  <si>
    <t>049-283-4123</t>
  </si>
  <si>
    <t>ｸﾞﾘｰﾝｼｮｳｼﾞ</t>
  </si>
  <si>
    <t>（株）勝栄</t>
  </si>
  <si>
    <t>亀井美樹</t>
  </si>
  <si>
    <t>神奈川県横浜市戸塚区深谷町１６４７－１４</t>
  </si>
  <si>
    <t>045-719-4039</t>
  </si>
  <si>
    <t>ｶﾂｴｲ</t>
  </si>
  <si>
    <t>福蕊（同）</t>
  </si>
  <si>
    <t>　蘭明明</t>
  </si>
  <si>
    <t>351-0104</t>
  </si>
  <si>
    <t>埼玉県和光市南２－１－９－４０４</t>
  </si>
  <si>
    <t>03-6324-9042</t>
  </si>
  <si>
    <t>ﾌｸｽﾞｲ</t>
  </si>
  <si>
    <t>蘭明明</t>
  </si>
  <si>
    <t>（株）勇敢</t>
  </si>
  <si>
    <t>ドーガンアリ</t>
  </si>
  <si>
    <t>埼玉県草加市氷川町２１５４－９ノースウエスト１０２</t>
  </si>
  <si>
    <t>080-4940-0227</t>
  </si>
  <si>
    <t>ﾕｳｶﾝ</t>
  </si>
  <si>
    <t>トミオカ商会（株）</t>
  </si>
  <si>
    <t>髙木夕子</t>
  </si>
  <si>
    <t>神奈川県横浜市神奈川区三枚町３７６－２</t>
  </si>
  <si>
    <t>045-459-5222</t>
  </si>
  <si>
    <t>ﾄﾐｵｶｼｮｳｶｲ</t>
  </si>
  <si>
    <t>Ｌ＆Ｚ（株）</t>
  </si>
  <si>
    <t>羅昔奄</t>
  </si>
  <si>
    <t>343-0022</t>
  </si>
  <si>
    <t>埼玉県越谷市東大沢４－３１－３－１０１号室</t>
  </si>
  <si>
    <t>048-940-0922</t>
  </si>
  <si>
    <t>ｴﾙｱﾝﾄﾞｾﾞｯﾄ</t>
  </si>
  <si>
    <t>（株）根本建設工業</t>
  </si>
  <si>
    <t>　根本伶友</t>
  </si>
  <si>
    <t>222-0021</t>
  </si>
  <si>
    <t>神奈川県横浜市港北区篠原北２－４－２日東ビル２０１</t>
  </si>
  <si>
    <t>045-947-2400</t>
  </si>
  <si>
    <t>ﾈﾓﾄｹﾝｾﾂｺｳｷﾞｮｳ</t>
  </si>
  <si>
    <t>満原夏樹</t>
  </si>
  <si>
    <t>（株）亀井工業</t>
  </si>
  <si>
    <t>亀井春男</t>
  </si>
  <si>
    <t>252-1106</t>
  </si>
  <si>
    <t>神奈川県綾瀬市深谷南６－２４４０－１</t>
  </si>
  <si>
    <t>0467-33-4591</t>
  </si>
  <si>
    <t>ｶﾒｲｺｳｷﾞｮｳ</t>
  </si>
  <si>
    <t>（株）カインド</t>
  </si>
  <si>
    <t>鈴木祟宏</t>
  </si>
  <si>
    <t>神奈川県横浜市泉区和泉町１３６３林ハイツ１Ｆ</t>
  </si>
  <si>
    <t>045-987-0197</t>
  </si>
  <si>
    <t>ｶｲﾝﾄﾞ</t>
  </si>
  <si>
    <t>（株）ＪＹＧ</t>
  </si>
  <si>
    <t>　川越ファビアノ</t>
  </si>
  <si>
    <t>259-1135</t>
  </si>
  <si>
    <t>神奈川県伊勢原市岡崎４８００－１１</t>
  </si>
  <si>
    <t>0463-66-9036</t>
  </si>
  <si>
    <t>ｼﾞｪｲﾜｲｼﾞｰ</t>
  </si>
  <si>
    <t>川越ファビアノ</t>
  </si>
  <si>
    <t>（株）松本工務店</t>
  </si>
  <si>
    <t>松本英樹</t>
  </si>
  <si>
    <t>239-0813</t>
  </si>
  <si>
    <t>神奈川県横須賀市鴨居２－５１－８－２号</t>
  </si>
  <si>
    <t>046-807-0270</t>
  </si>
  <si>
    <t>ﾏﾂﾓﾄｺｳﾑﾃﾝ</t>
  </si>
  <si>
    <t>松本惠子</t>
  </si>
  <si>
    <t>（株）イチゲン</t>
  </si>
  <si>
    <t>　バリバイセルピル</t>
  </si>
  <si>
    <t>埼玉県川口市大字安行領根岸１９２０根岸台高層住宅ＲＣ－Ａ６０５号</t>
  </si>
  <si>
    <t>070-4818-5821</t>
  </si>
  <si>
    <t>ｲﾁｹﾞﾝ</t>
  </si>
  <si>
    <t>ハスギル沙耶</t>
  </si>
  <si>
    <t>大山商会（株）</t>
  </si>
  <si>
    <t>　デイツプ・テ・ヒイエン</t>
  </si>
  <si>
    <t>257-0002</t>
  </si>
  <si>
    <t>神奈川県秦野市鶴巻南１－２５－７</t>
  </si>
  <si>
    <t>0463-68-8609</t>
  </si>
  <si>
    <t>ｵｵﾔﾏｼｮｳｶｲ</t>
  </si>
  <si>
    <t>デイフ　テイフイ</t>
  </si>
  <si>
    <t>中井工業　下村　拓</t>
  </si>
  <si>
    <t>240-0023</t>
  </si>
  <si>
    <t>神奈川県横浜市保土ケ谷区岩井町３６２－１</t>
  </si>
  <si>
    <t>080-9383-5624</t>
  </si>
  <si>
    <t>ﾅｶｲｺｳｷﾞｮｳ ｼﾓﾑﾗ ﾀｸﾐ</t>
  </si>
  <si>
    <t>下村拓</t>
  </si>
  <si>
    <t>（株）マイニッチ</t>
  </si>
  <si>
    <t>菅原光正</t>
  </si>
  <si>
    <t>336-0034</t>
  </si>
  <si>
    <t>埼玉県さいたま市内谷４－１４－１３</t>
  </si>
  <si>
    <t>048-767-7961</t>
  </si>
  <si>
    <t>ﾏｲﾆｯﾁ</t>
  </si>
  <si>
    <t>菅原啓太</t>
  </si>
  <si>
    <t>アラゴス（株）</t>
  </si>
  <si>
    <t>カラクラクユスフ</t>
  </si>
  <si>
    <t>埼玉県川口市柳崎３－１１－３１－４０４号セジュール柳崎</t>
  </si>
  <si>
    <t>048-202-7197</t>
  </si>
  <si>
    <t>ｱﾗｺﾞｽ</t>
  </si>
  <si>
    <t>佐々竜二</t>
  </si>
  <si>
    <t>（株）サンロータス</t>
  </si>
  <si>
    <t>平本義一</t>
  </si>
  <si>
    <t>224-0001</t>
  </si>
  <si>
    <t>神奈川県横浜市都筑区中川３－２２－４</t>
  </si>
  <si>
    <t>045-479-9435</t>
  </si>
  <si>
    <t>ｻﾝﾛｰﾀｽ</t>
  </si>
  <si>
    <t>（株）上建</t>
  </si>
  <si>
    <t>上澤友明</t>
  </si>
  <si>
    <t>226-000</t>
  </si>
  <si>
    <t>神奈川県横浜市緑区白山２－４－１９－６０４</t>
  </si>
  <si>
    <t>080-8848-7984</t>
  </si>
  <si>
    <t>ｳｴｹﾝ</t>
  </si>
  <si>
    <t>ｓｈｅｌｌ　ｆｏｒｅｓｔ（株）</t>
  </si>
  <si>
    <t>貝森太和</t>
  </si>
  <si>
    <t>196-0004</t>
  </si>
  <si>
    <t>東京都昭島市緑町３－９－２６</t>
  </si>
  <si>
    <t>042-545-2261</t>
  </si>
  <si>
    <t>ｼｪﾙﾌｫﾚｽﾄ</t>
  </si>
  <si>
    <t>（有）アイシン</t>
  </si>
  <si>
    <t>向健志</t>
  </si>
  <si>
    <t>東京都北区滝野川３－１７－５</t>
  </si>
  <si>
    <t>03-3917-6423</t>
  </si>
  <si>
    <t>（株）りんかい工務店</t>
  </si>
  <si>
    <t>鈴木健一郎</t>
  </si>
  <si>
    <t>220-0024</t>
  </si>
  <si>
    <t>神奈川県横浜市西区西平沼町１－３２－４０２</t>
  </si>
  <si>
    <t>070-5451-5637</t>
  </si>
  <si>
    <t>ﾘﾝｶｲｺｳﾑﾃﾝ</t>
  </si>
  <si>
    <t>（株）アクル</t>
  </si>
  <si>
    <t>アクルセダル</t>
  </si>
  <si>
    <t>埼玉県川口市鳩ケ谷本町４－１－３９サニーハウス１０５号</t>
  </si>
  <si>
    <t>080-3460-4433</t>
  </si>
  <si>
    <t>ｱｸﾙ</t>
  </si>
  <si>
    <t>（株）ＲＩＯ工業</t>
  </si>
  <si>
    <t>アルトンエルダル</t>
  </si>
  <si>
    <t>埼玉県川口市前川２－１７－８シンハイム３０２号</t>
  </si>
  <si>
    <t>080-5854-3996</t>
  </si>
  <si>
    <t>ﾘｵｺｳｷﾞｮｳ</t>
  </si>
  <si>
    <t>久保田猛</t>
  </si>
  <si>
    <t>（株）成澤</t>
  </si>
  <si>
    <t>エリユルマズトンシャイ</t>
  </si>
  <si>
    <t>343-0814</t>
  </si>
  <si>
    <t>埼玉県越谷市東柳田町１３－８ウィンディア柴田２０２</t>
  </si>
  <si>
    <t>080-8499-2273</t>
  </si>
  <si>
    <t>ﾅﾘｻﾜ</t>
  </si>
  <si>
    <t>成澤美里</t>
  </si>
  <si>
    <t>（同）安信</t>
  </si>
  <si>
    <t>田辺紹寧</t>
  </si>
  <si>
    <t>埼玉県川口市朝日３－１３－６</t>
  </si>
  <si>
    <t>080-4843-8410</t>
  </si>
  <si>
    <t>ｱﾝｼﾝ</t>
  </si>
  <si>
    <t>（株）秋山明夫商店</t>
  </si>
  <si>
    <t>秋山将喜</t>
  </si>
  <si>
    <t>243-0028</t>
  </si>
  <si>
    <t>神奈川県厚木市愛甲西３－９－２２</t>
  </si>
  <si>
    <t>046-247-7711</t>
  </si>
  <si>
    <t>ｱｷﾔﾏｱｷｵｼｮｳﾃﾝ</t>
  </si>
  <si>
    <t>（株）ＯＴＴＯＭＡＮ</t>
  </si>
  <si>
    <t>ＫＡＲＡＴＵＮＮＥＣＭＥＴＴＩＮ</t>
  </si>
  <si>
    <t>336-0026</t>
  </si>
  <si>
    <t>埼玉県さいたま市南区辻４－８－５フォーリッジハイツ２Ｅ</t>
  </si>
  <si>
    <t>080-5953-2734</t>
  </si>
  <si>
    <t>ｵｯﾄﾏﾝ</t>
  </si>
  <si>
    <t>カラトゥンネジメッティン</t>
  </si>
  <si>
    <t>（株）ＦＤプロジェクト</t>
  </si>
  <si>
    <t>工藤洋一</t>
  </si>
  <si>
    <t>212-0057</t>
  </si>
  <si>
    <t>神奈川県川崎市幸区北加瀬２－６－４１</t>
  </si>
  <si>
    <t>044-599-7498</t>
  </si>
  <si>
    <t>ｴﾌﾃﾞｨｰﾌﾟﾛｼﾞｪｸﾄ</t>
  </si>
  <si>
    <t>（同）ＣＨＩＹＡ</t>
  </si>
  <si>
    <t>野村梓</t>
  </si>
  <si>
    <t>194-0031</t>
  </si>
  <si>
    <t>東京都町田市南大谷１２９２－３</t>
  </si>
  <si>
    <t>080-4459-3374</t>
  </si>
  <si>
    <t>ﾁﾔ</t>
  </si>
  <si>
    <t>（株）ヒカリ住建</t>
  </si>
  <si>
    <t>中尾彰利</t>
  </si>
  <si>
    <t>243-0814</t>
  </si>
  <si>
    <t>神奈川県厚木市妻田南１－５－２８ルミエールＦ－１０５</t>
  </si>
  <si>
    <t>090-7271-7919</t>
  </si>
  <si>
    <t>ﾋｶﾘｼﾞｭｳｹﾝ</t>
  </si>
  <si>
    <t>中山工業</t>
  </si>
  <si>
    <t>252-0027</t>
  </si>
  <si>
    <t>神奈川県座間市座間２－１１３４－５</t>
  </si>
  <si>
    <t>090-2443-8582</t>
  </si>
  <si>
    <t>ﾅｶﾔﾏｺｳｷﾞｮｳ</t>
  </si>
  <si>
    <t>中山望</t>
  </si>
  <si>
    <t>アゼル（株）</t>
  </si>
  <si>
    <t>ジェヴィキ・アリ</t>
  </si>
  <si>
    <t>埼玉県川口市桜町５－６－２１</t>
  </si>
  <si>
    <t>080-6811-7274</t>
  </si>
  <si>
    <t>ｱｾﾞﾙ</t>
  </si>
  <si>
    <t>千田弘美</t>
  </si>
  <si>
    <t>（株）ハウスリム</t>
  </si>
  <si>
    <t>小林裕也</t>
  </si>
  <si>
    <t>東京都足立区南花畑３－５－１６フラワーフィールド１０１</t>
  </si>
  <si>
    <t>03-5831-5255</t>
  </si>
  <si>
    <t>ﾊｳｽﾘﾑ</t>
  </si>
  <si>
    <t>Ｋ工業　田口　慶</t>
  </si>
  <si>
    <t>神奈川県平塚市横内２３０５－１</t>
  </si>
  <si>
    <t>080-3171-4202</t>
  </si>
  <si>
    <t>ｹｲｺｳｷﾞｮｳ ﾀｸﾞﾁ ｹｲ</t>
  </si>
  <si>
    <t>田口慶</t>
  </si>
  <si>
    <t>（株）藤建</t>
  </si>
  <si>
    <t>後藤文哉</t>
  </si>
  <si>
    <t>239-0814</t>
  </si>
  <si>
    <t>神奈川県横須賀市二葉２－１０－１４</t>
  </si>
  <si>
    <t>090-6301-7327</t>
  </si>
  <si>
    <t>ﾌｼﾞｹﾝ</t>
  </si>
  <si>
    <t>（株）藤田産業</t>
  </si>
  <si>
    <t>藤田智昭</t>
  </si>
  <si>
    <t>341-0053</t>
  </si>
  <si>
    <t>埼玉県三郷市彦倉２－２１－１</t>
  </si>
  <si>
    <t>048-951-5276</t>
  </si>
  <si>
    <t>ﾌｼﾞﾀｻﾝｷﾞｮｳ</t>
  </si>
  <si>
    <t>木村雅</t>
  </si>
  <si>
    <t>（株）ＷＩＮＧ</t>
  </si>
  <si>
    <t>小椋将光</t>
  </si>
  <si>
    <t>243-0018</t>
  </si>
  <si>
    <t>神奈川県厚木市中町２－１０－４ＫＳビル５Ｆ</t>
  </si>
  <si>
    <t>046-222-5550</t>
  </si>
  <si>
    <t>アイジーエス（株）</t>
  </si>
  <si>
    <t>五十嵐正義</t>
  </si>
  <si>
    <t>203-0043</t>
  </si>
  <si>
    <t>東京都東久留米市下里１－１５－９</t>
  </si>
  <si>
    <t>042-450-5271</t>
  </si>
  <si>
    <t>ｱｲｼﾞｰｴｽ</t>
  </si>
  <si>
    <t>（株）ワイズ</t>
  </si>
  <si>
    <t>埼玉県川口市東領家４－１６－１８－１０４</t>
  </si>
  <si>
    <t>ﾜｲｽﾞ</t>
  </si>
  <si>
    <t>（同）えるせると</t>
  </si>
  <si>
    <t>　エルセルト瑠美</t>
  </si>
  <si>
    <t>343-0026</t>
  </si>
  <si>
    <t>埼玉県越谷市北越谷２－２－１－１０５号</t>
  </si>
  <si>
    <t>080-3564-0822</t>
  </si>
  <si>
    <t>ｴﾙｾﾙﾄ</t>
  </si>
  <si>
    <t>エルセルト瑠美</t>
  </si>
  <si>
    <t>ＹＡＭＡＮ（株）</t>
  </si>
  <si>
    <t>カラマンオルメメットシュクル</t>
  </si>
  <si>
    <t>埼玉県川口市戸塚東１－２２－３</t>
  </si>
  <si>
    <t>080-3151-0237</t>
  </si>
  <si>
    <t>ﾔﾏﾝ</t>
  </si>
  <si>
    <t>ＫＡＲＡＤＥＮＩＺＣＩＨＡＮ</t>
  </si>
  <si>
    <t>（株）ＤｅｎＷｏｒｋｓ</t>
  </si>
  <si>
    <t>中嶋亮</t>
  </si>
  <si>
    <t>181-0012</t>
  </si>
  <si>
    <t>東京都三鷹市上連雀９－２２－１４</t>
  </si>
  <si>
    <t>0422-27-1407</t>
  </si>
  <si>
    <t>ﾃﾞﾝﾜｰｸｽ</t>
  </si>
  <si>
    <t>池田勇幸</t>
  </si>
  <si>
    <t>（株）ＺＯＲＯ</t>
  </si>
  <si>
    <t>　キズルフセイン</t>
  </si>
  <si>
    <t>埼玉県さいたま市南区円正寺２０５－２塩原荘２０１</t>
  </si>
  <si>
    <t>090-7198-5537</t>
  </si>
  <si>
    <t>ｿﾞﾛ</t>
  </si>
  <si>
    <t>キズルフセイン</t>
  </si>
  <si>
    <t>内田　充紀</t>
  </si>
  <si>
    <t>197-0823</t>
  </si>
  <si>
    <t>東京都あきる野市野辺１１７８－７</t>
  </si>
  <si>
    <t>080-3210-4348</t>
  </si>
  <si>
    <t>ｳﾁﾀﾞ ﾐﾂﾉﾘ</t>
  </si>
  <si>
    <t>内田充紀</t>
  </si>
  <si>
    <t>（同）内田総業</t>
  </si>
  <si>
    <t>内田立敏</t>
  </si>
  <si>
    <t>神奈川県相模原市南区新磯野１－３４－１１</t>
  </si>
  <si>
    <t>090-6959-1595</t>
  </si>
  <si>
    <t>ｳﾁﾀﾞｿｳｷﾞｮｳ</t>
  </si>
  <si>
    <t>（株）石心総業</t>
  </si>
  <si>
    <t>石黒雅</t>
  </si>
  <si>
    <t>241-0022</t>
  </si>
  <si>
    <t>神奈川県横浜市旭区鶴ケ峰２－４８－１</t>
  </si>
  <si>
    <t>090-5322-8866</t>
  </si>
  <si>
    <t>ｾｷｼﾝｿｳｷﾞｮｳ</t>
  </si>
  <si>
    <t>ＩＮＡＳＥ（株）</t>
  </si>
  <si>
    <t>池田健</t>
  </si>
  <si>
    <t>180-0003</t>
  </si>
  <si>
    <t>東京都武蔵野市吉祥寺南町２－６－１０富士パームビル９階</t>
  </si>
  <si>
    <t>03-6826-2337</t>
  </si>
  <si>
    <t>ｲﾅｾ</t>
  </si>
  <si>
    <t>吉川俊介</t>
  </si>
  <si>
    <t>煜桐商事（株）</t>
  </si>
  <si>
    <t>毛＊</t>
  </si>
  <si>
    <t>333-0854</t>
  </si>
  <si>
    <t>埼玉県川口市芝富士１－２０－１９－１０３</t>
  </si>
  <si>
    <t>080-9396-6888</t>
  </si>
  <si>
    <t>ｲｸﾄｳｼｮｳｼﾞ</t>
  </si>
  <si>
    <t>髙田潤一</t>
  </si>
  <si>
    <t>ホンダ興業（株）</t>
  </si>
  <si>
    <t>本田祭里</t>
  </si>
  <si>
    <t>221-0864</t>
  </si>
  <si>
    <t>神奈川県横浜市神奈川区菅田町４８８西菅田団地７街区８号棟１０６号室</t>
  </si>
  <si>
    <t>070-3360-0511</t>
  </si>
  <si>
    <t>池剣</t>
  </si>
  <si>
    <t>（株）安次富興業</t>
  </si>
  <si>
    <t>安次富優</t>
  </si>
  <si>
    <t>神奈川県平塚市東真土１－７－２８－１</t>
  </si>
  <si>
    <t>090-6319-1230</t>
  </si>
  <si>
    <t>ｱｼﾄﾐｺｳｷﾞｮｳ</t>
  </si>
  <si>
    <t>（株）エース開発</t>
  </si>
  <si>
    <t>矢﨑淳也</t>
  </si>
  <si>
    <t>350-0206</t>
  </si>
  <si>
    <t>埼玉県坂戸市大字中小坂８００－１</t>
  </si>
  <si>
    <t>070-6455-8448</t>
  </si>
  <si>
    <t>ｴｰｽｶｲﾊﾂ</t>
  </si>
  <si>
    <t>林善紀</t>
  </si>
  <si>
    <t>麻生ホーム　麻生　義久</t>
  </si>
  <si>
    <t>神奈川県藤沢市下土棚４４９</t>
  </si>
  <si>
    <t>0466-43-4313</t>
  </si>
  <si>
    <t>ｱｿｳﾎｰﾑ ｱｿｳﾖｼﾋｻ</t>
  </si>
  <si>
    <t>麻生義久</t>
  </si>
  <si>
    <t>Ｏｎ　Ｅａｒｔｈ（株）</t>
  </si>
  <si>
    <t>畠中亮太</t>
  </si>
  <si>
    <t>東京都東久留米市下里４－１－１５</t>
  </si>
  <si>
    <t>042-420-4601</t>
  </si>
  <si>
    <t>ｵﾝｱｰｽ</t>
  </si>
  <si>
    <t>佐野吉章</t>
  </si>
  <si>
    <t>ＮＥＲＡ（株）</t>
  </si>
  <si>
    <t>クズコグルラマザン</t>
  </si>
  <si>
    <t>埼玉県川口市戸塚東１－２２－１０</t>
  </si>
  <si>
    <t>090-1804-8337</t>
  </si>
  <si>
    <t>ﾈｰﾗ</t>
  </si>
  <si>
    <t>角濵義明</t>
  </si>
  <si>
    <t>（株）ＳＩＮＹＯＲ</t>
  </si>
  <si>
    <t>サグラムユスフ</t>
  </si>
  <si>
    <t>埼玉県川口市大字道合４４６－６</t>
  </si>
  <si>
    <t>080-6547-4724</t>
  </si>
  <si>
    <t>ｾﾆｮｰﾙ</t>
  </si>
  <si>
    <t>（株）明玉興業</t>
  </si>
  <si>
    <t>伊藤大赫</t>
  </si>
  <si>
    <t>252-0332</t>
  </si>
  <si>
    <t>神奈川県相模原市南区西大沼４－６－８</t>
  </si>
  <si>
    <t>042-711-8067</t>
  </si>
  <si>
    <t>ﾒｲｷﾞｮｸｺｳｷﾞｮｳ</t>
  </si>
  <si>
    <t>ジャパンウィナーズ（株）</t>
  </si>
  <si>
    <t>大川明秀</t>
  </si>
  <si>
    <t>埼玉県さいたま市南区白幡６－８－１７</t>
  </si>
  <si>
    <t>048-708-1237</t>
  </si>
  <si>
    <t>ｼﾞｬﾊﾟﾝｳｨﾅｰｽﾞ</t>
  </si>
  <si>
    <t>（株）進成工業</t>
  </si>
  <si>
    <t>榎田勇樹</t>
  </si>
  <si>
    <t>241-0001</t>
  </si>
  <si>
    <t>神奈川県横浜市旭区上白根町９４５－５</t>
  </si>
  <si>
    <t>045-900-9322</t>
  </si>
  <si>
    <t>（株）グリーンホープ</t>
  </si>
  <si>
    <t>久保健二</t>
  </si>
  <si>
    <t>神奈川県横浜市戸塚区原宿３－５７－２－６－５０１</t>
  </si>
  <si>
    <t>090-7227-4018</t>
  </si>
  <si>
    <t>ｸﾞﾘｰﾝﾎｰﾌﾟ</t>
  </si>
  <si>
    <t>ＹＮＴ　瀨戸　美道</t>
  </si>
  <si>
    <t>239-0802</t>
  </si>
  <si>
    <t>神奈川県横須賀市馬堀町２－２６－２４</t>
  </si>
  <si>
    <t>090-4705-9083</t>
  </si>
  <si>
    <t>ﾜｲｴﾇﾃｨｰ ｾﾄ ﾖｼﾐﾁ</t>
  </si>
  <si>
    <t>瀨戸美道</t>
  </si>
  <si>
    <t>（株）リレーションシップ</t>
  </si>
  <si>
    <t>髙瀨公芳</t>
  </si>
  <si>
    <t>233-0015</t>
  </si>
  <si>
    <t>神奈川県横浜市港南区日限山２－１－３３日限山開成ビル２階</t>
  </si>
  <si>
    <t>045-842-0135</t>
  </si>
  <si>
    <t>ﾘﾚｰｼｮﾝｼｯﾌﾟ</t>
  </si>
  <si>
    <t>（株）Ａ－ＳＥＥＤ</t>
  </si>
  <si>
    <t>デニスウームツ</t>
  </si>
  <si>
    <t>埼玉県川口市上青木６－７－３華ハイツ３０１</t>
  </si>
  <si>
    <t>090-1142-6639</t>
  </si>
  <si>
    <t>ｴｰｼｰﾄﾞ</t>
  </si>
  <si>
    <t>吉川達也</t>
  </si>
  <si>
    <t>（株）善銀</t>
  </si>
  <si>
    <t>石坂華鈴</t>
  </si>
  <si>
    <t>埼玉県川口市芝富士１－６－１０第二芝富士ハイツ３０６</t>
  </si>
  <si>
    <t>080-9706-3929</t>
  </si>
  <si>
    <t>（株）インコネルジャパン</t>
  </si>
  <si>
    <t>村橋秋一</t>
  </si>
  <si>
    <t>230-0024</t>
  </si>
  <si>
    <t>神奈川県横浜市鶴見区市場下町１１－３７－２２９号</t>
  </si>
  <si>
    <t>045-506-0616</t>
  </si>
  <si>
    <t>ｲﾝｺﾈﾙｼﾞｬﾊﾟﾝ</t>
  </si>
  <si>
    <t>（株）ナカヤマ</t>
  </si>
  <si>
    <t>中山進</t>
  </si>
  <si>
    <t>190-0002</t>
  </si>
  <si>
    <t>東京都立川市幸町３－１２－５</t>
  </si>
  <si>
    <t>042-537-7355</t>
  </si>
  <si>
    <t>ﾅｶﾔﾏ</t>
  </si>
  <si>
    <t>大阪解体興業　伊藤　博之</t>
  </si>
  <si>
    <t>神奈川県横浜市泉区下和泉２－２６－２８</t>
  </si>
  <si>
    <t>045-801-2541</t>
  </si>
  <si>
    <t>ｵｵｻｶｶｲﾀｲｺｳｷﾞｮｳ</t>
  </si>
  <si>
    <t>伊藤博之</t>
  </si>
  <si>
    <t>ＳＴＡＲＴ（株）</t>
  </si>
  <si>
    <t>田中航太</t>
  </si>
  <si>
    <t>272-0141</t>
  </si>
  <si>
    <t>千葉県市川市香取２－９－１１－２０１</t>
  </si>
  <si>
    <t>0477126838</t>
  </si>
  <si>
    <t>ｽﾀｰﾄ</t>
  </si>
  <si>
    <t>椎名武治</t>
  </si>
  <si>
    <t>（株）魁興業</t>
  </si>
  <si>
    <t>　髙橋魁人</t>
  </si>
  <si>
    <t>203-0054</t>
  </si>
  <si>
    <t>東京都東久留米市中央町５－９ー３０－２０２号</t>
  </si>
  <si>
    <t>080-9373-0704</t>
  </si>
  <si>
    <t>ｻｷｶﾞｹｺｳｷﾞｮｳ</t>
  </si>
  <si>
    <t>髙橋魁人</t>
  </si>
  <si>
    <t>（株）ＳＡＩＫＹＯＵ</t>
  </si>
  <si>
    <t>ユルドウルムフェルハット</t>
  </si>
  <si>
    <t>埼玉県川口市大字東内野４２６ー１パナヨシハラＢ１０１号</t>
  </si>
  <si>
    <t>090-1811-1623</t>
  </si>
  <si>
    <t>ｻｲｷｮｳ</t>
  </si>
  <si>
    <t>ＫＩＳＡＣＩＫＡＹＤＩＮ</t>
  </si>
  <si>
    <t>（株）アラン</t>
  </si>
  <si>
    <t>バリバイベキル</t>
  </si>
  <si>
    <t>埼玉県川口市桜町３－１－３ＭＱｕａｒｔｏ新井宿Ⅱ１０８号</t>
  </si>
  <si>
    <t>080-5467-4372</t>
  </si>
  <si>
    <t>ｱﾗﾝ</t>
  </si>
  <si>
    <t>ザラカニベーザー</t>
  </si>
  <si>
    <t>レン　キムホン</t>
  </si>
  <si>
    <t>神奈川県相模原市中央区上溝２０３２－４エトワール１０２</t>
  </si>
  <si>
    <t>080-4653-1211</t>
  </si>
  <si>
    <t>ﾚﾝ ｷﾑﾎﾝ</t>
  </si>
  <si>
    <t>レンキムホン</t>
  </si>
  <si>
    <t>溪心　後藤黄介</t>
  </si>
  <si>
    <t>212-0051</t>
  </si>
  <si>
    <t>神奈川県川崎市幸区東古市場１２１－１５</t>
  </si>
  <si>
    <t>080-4869-2232</t>
  </si>
  <si>
    <t>ｹｲｼﾝ ｺﾞﾄｳｺｳｽｹ</t>
  </si>
  <si>
    <t>後藤黄介</t>
  </si>
  <si>
    <t>（株）キハル</t>
  </si>
  <si>
    <t>石田貴行</t>
  </si>
  <si>
    <t>241-0015</t>
  </si>
  <si>
    <t>神奈川県横浜市旭区小高町１７２－２６</t>
  </si>
  <si>
    <t>045-459-9177</t>
  </si>
  <si>
    <t>ｷﾊﾙ</t>
  </si>
  <si>
    <t>（株）Ｙ．Ｍ．Ｈ</t>
  </si>
  <si>
    <t>大坪誼士</t>
  </si>
  <si>
    <t>東京都港区六本木３－１４－９ユア六本木５Ｆ</t>
  </si>
  <si>
    <t>090-2852-9589</t>
  </si>
  <si>
    <t>ﾜｲｴﾑｴｲﾁ</t>
  </si>
  <si>
    <t>（株）Ｎｅｘｔ　Ｉｎｎｏｖａｔｉｏｎ</t>
  </si>
  <si>
    <t>松崎わかな</t>
  </si>
  <si>
    <t>東京都板橋区徳丸３－３８－３２</t>
  </si>
  <si>
    <t>090-5197-5118</t>
  </si>
  <si>
    <t>ﾈｸｽﾄｲﾉﾍﾞｰｼｮﾝ</t>
  </si>
  <si>
    <t>秦勇貴</t>
  </si>
  <si>
    <t>浅沼　陽一</t>
  </si>
  <si>
    <t>千葉県千葉市美浜区高浜３－５－２３棟１０５号</t>
  </si>
  <si>
    <t>043-216-2771</t>
  </si>
  <si>
    <t>ｱｻﾇﾏ ﾖｳｲﾁ</t>
  </si>
  <si>
    <t>浅沼陽一</t>
  </si>
  <si>
    <t>（株）Ａｎｙｔｈｉｎｇ</t>
  </si>
  <si>
    <t>　遠藤拓人</t>
  </si>
  <si>
    <t>東京都八王子市横川町７０１－１４</t>
  </si>
  <si>
    <t>042-610-2889</t>
  </si>
  <si>
    <t>ｴﾆｼﾝｸﾞ</t>
  </si>
  <si>
    <t>遠藤拓人</t>
  </si>
  <si>
    <t>（株）琥神</t>
  </si>
  <si>
    <t>　アスランフェルハート</t>
  </si>
  <si>
    <t>埼玉県川口市芝樋ノ爪１－５－１５クレールボア２０５</t>
  </si>
  <si>
    <t>070-3220-2023</t>
  </si>
  <si>
    <t>ﾗｲｶﾞ</t>
  </si>
  <si>
    <t>アスランフェルハート</t>
  </si>
  <si>
    <t>（株）心</t>
  </si>
  <si>
    <t>岩野透</t>
  </si>
  <si>
    <t>神奈川県横須賀市根岸町３－９－８井出ビル２０１号室</t>
  </si>
  <si>
    <t>046-803-4064</t>
  </si>
  <si>
    <t>ｺｺﾛ</t>
  </si>
  <si>
    <t>東恩納一志</t>
  </si>
  <si>
    <t>（株）ＲＯＺＡ</t>
  </si>
  <si>
    <t>鎌田有佳理</t>
  </si>
  <si>
    <t>神奈川県藤沢市長後９４０－１ベルアーク長後Ｂ１０２</t>
  </si>
  <si>
    <t>0466-66-9682</t>
  </si>
  <si>
    <t>（株）チーム・プロジェクト</t>
  </si>
  <si>
    <t>笠原玄一郎</t>
  </si>
  <si>
    <t>259-1142</t>
  </si>
  <si>
    <t>神奈川県伊勢原市田中２５６－１シティハイツオーキッド６０２</t>
  </si>
  <si>
    <t>042-707-6245</t>
  </si>
  <si>
    <t>ﾁｰﾑﾌﾟﾛｼﾞｪｸﾄ</t>
  </si>
  <si>
    <t>（株）葵</t>
  </si>
  <si>
    <t>マルコッチュソネル</t>
  </si>
  <si>
    <t>333-0816</t>
  </si>
  <si>
    <t>埼玉県川口市差間１－１７－５ロータスハイツＢ　２０３号</t>
  </si>
  <si>
    <t>080-7495-2727</t>
  </si>
  <si>
    <t>ｱｵｲ</t>
  </si>
  <si>
    <t>デニズオスマン</t>
  </si>
  <si>
    <t>（株）アイロンアップ</t>
  </si>
  <si>
    <t>トーズファティ</t>
  </si>
  <si>
    <t>埼玉県さいたま市岩槻区横根４８５</t>
  </si>
  <si>
    <t>048-679-7807</t>
  </si>
  <si>
    <t>ｱｲﾛﾝｱｯﾌﾟ</t>
  </si>
  <si>
    <t>ＴＯＺＦＡＴＩＨ</t>
  </si>
  <si>
    <t>（株）フラハ</t>
  </si>
  <si>
    <t>　小池忠彦</t>
  </si>
  <si>
    <t>251-0011</t>
  </si>
  <si>
    <t>神奈川県藤沢市渡内３－７－２６</t>
  </si>
  <si>
    <t>0466-41-9824</t>
  </si>
  <si>
    <t>ﾌﾗﾊ</t>
  </si>
  <si>
    <t>小池忠彦</t>
  </si>
  <si>
    <t>（株）ＮＩＣＯ</t>
  </si>
  <si>
    <t>　鈴木正巳</t>
  </si>
  <si>
    <t>神奈川県横浜市港北区新横浜１－１９－３アドホックビル５０４</t>
  </si>
  <si>
    <t>045-548-4528</t>
  </si>
  <si>
    <t>ﾆｺ</t>
  </si>
  <si>
    <t>鈴木正巳</t>
  </si>
  <si>
    <t>（株）ＹＧＫ</t>
  </si>
  <si>
    <t>リベイログラジエリー</t>
  </si>
  <si>
    <t>223-0066</t>
  </si>
  <si>
    <t>神奈川県横浜市港北区高田西５－１２－２</t>
  </si>
  <si>
    <t>045-271-9827</t>
  </si>
  <si>
    <t>ﾜｲｼﾞｰｹｰ</t>
  </si>
  <si>
    <t>中村ユウジ</t>
  </si>
  <si>
    <t>（株）聖翔</t>
  </si>
  <si>
    <t>　中村裕之</t>
  </si>
  <si>
    <t>190-1232</t>
  </si>
  <si>
    <t>東京都西多摩郡瑞穂町長岡４－６－１３</t>
  </si>
  <si>
    <t>042-568-2801</t>
  </si>
  <si>
    <t>ｾｲｼｮｳ</t>
  </si>
  <si>
    <t>中村裕之</t>
  </si>
  <si>
    <t>（株）関東工務店</t>
  </si>
  <si>
    <t>　柿木剛</t>
  </si>
  <si>
    <t>343-0805</t>
  </si>
  <si>
    <t>埼玉県越谷市神明町３－３－６</t>
  </si>
  <si>
    <t>090-6023-4942</t>
  </si>
  <si>
    <t>ｶﾝﾄｳｺｳﾑﾃﾝ</t>
  </si>
  <si>
    <t>柿木剛</t>
  </si>
  <si>
    <t>鈴木建築　鈴木　一二三</t>
  </si>
  <si>
    <t>090-4220-4654</t>
  </si>
  <si>
    <t>ｽｽﾞｷｹﾝﾁｸ ｽｽﾞｷ ﾋﾌﾐ</t>
  </si>
  <si>
    <t>ビーラック（株）</t>
  </si>
  <si>
    <t>橋本賢輝</t>
  </si>
  <si>
    <t>神奈川県藤沢市湘南台４－２－１１新生ビル２Ｂ</t>
  </si>
  <si>
    <t>0466-52-5943</t>
  </si>
  <si>
    <t>ﾋﾞｰﾗｯｸ</t>
  </si>
  <si>
    <t>（株）ワーカーズ</t>
  </si>
  <si>
    <t>竹田恵介</t>
  </si>
  <si>
    <t>252-0143</t>
  </si>
  <si>
    <t>神奈川県相模原市緑区橋本５－５－３ドエルアズサ１－１０２</t>
  </si>
  <si>
    <t>080-5895-0713</t>
  </si>
  <si>
    <t>ﾜｰｶｰｽﾞ</t>
  </si>
  <si>
    <t>（株）ＶＥＧＡ</t>
  </si>
  <si>
    <t>埼玉県川口市東川口３－１０－１</t>
  </si>
  <si>
    <t>080-5940-2142</t>
  </si>
  <si>
    <t>ｳﾞｪｶﾞ</t>
  </si>
  <si>
    <t>ユジェルバッカス</t>
  </si>
  <si>
    <t>テイクオフ（株）</t>
  </si>
  <si>
    <t>宮沢宜寛</t>
  </si>
  <si>
    <t>248-0027</t>
  </si>
  <si>
    <t>神奈川県鎌倉市笛田５－３３－３９</t>
  </si>
  <si>
    <t>0467-32-4418</t>
  </si>
  <si>
    <t>（株）己龍</t>
  </si>
  <si>
    <t>田仲駿</t>
  </si>
  <si>
    <t>254-0013</t>
  </si>
  <si>
    <t>神奈川県平塚市田村１－１８－２９</t>
  </si>
  <si>
    <t>070-1516-6439</t>
  </si>
  <si>
    <t>ｷﾘｭｳ</t>
  </si>
  <si>
    <t>（株）ユーワ興業</t>
  </si>
  <si>
    <t>遠藤和彦</t>
  </si>
  <si>
    <t>361-0016</t>
  </si>
  <si>
    <t>埼玉県行田市藤原町２－２４－４</t>
  </si>
  <si>
    <t>048-554-2085</t>
  </si>
  <si>
    <t>ﾕｰﾜｺｳｷﾞｮｳ</t>
  </si>
  <si>
    <t>（株）三輪</t>
  </si>
  <si>
    <t>三輪　アギレーラペドロルイス</t>
  </si>
  <si>
    <t>230-0047</t>
  </si>
  <si>
    <t>神奈川県横浜市鶴見区下野谷町１－３８－５</t>
  </si>
  <si>
    <t>045-299-6674</t>
  </si>
  <si>
    <t>ﾐﾜ</t>
  </si>
  <si>
    <t>鈴木宏樹</t>
  </si>
  <si>
    <t>工藤総業（株）</t>
  </si>
  <si>
    <t>工藤玉春</t>
  </si>
  <si>
    <t>246-0003</t>
  </si>
  <si>
    <t>神奈川県横浜市瀬谷区瀬谷町５８１２細谷戸ハイツ４－６－５０１</t>
  </si>
  <si>
    <t>080-6025-3103</t>
  </si>
  <si>
    <t>ｸﾄﾞｳｿｳｷﾞｮｳ</t>
  </si>
  <si>
    <t>（株）ＩＭＳ</t>
  </si>
  <si>
    <t>イシュクムスタァファ</t>
  </si>
  <si>
    <t>335-0005</t>
  </si>
  <si>
    <t>埼玉県蕨市錦町１－１－３レオネクストペンタス１０２号</t>
  </si>
  <si>
    <t>090-4364-4646</t>
  </si>
  <si>
    <t>ｱｲｴﾑｴｽ</t>
  </si>
  <si>
    <t>（株）アスランド</t>
  </si>
  <si>
    <t>　武田能治</t>
  </si>
  <si>
    <t>354-0021</t>
  </si>
  <si>
    <t>埼玉県富士見市鶴馬３４６９－２</t>
  </si>
  <si>
    <t>049-293-5566</t>
  </si>
  <si>
    <t>ｱｽﾗﾝﾄﾞ</t>
  </si>
  <si>
    <t>黒宮翔吾</t>
  </si>
  <si>
    <t>（株）さくら建設</t>
  </si>
  <si>
    <t>カラクラクメスト</t>
  </si>
  <si>
    <t>埼玉県さいたま市緑区東浦和７－３２－１４パレマロン５０１</t>
  </si>
  <si>
    <t>080-9011-5227</t>
  </si>
  <si>
    <t>ｻｸﾗｹﾝｾﾂ</t>
  </si>
  <si>
    <t>（株）晴</t>
  </si>
  <si>
    <t>サグラムテイフィキ</t>
  </si>
  <si>
    <t>埼玉県川口市芝樋ノ爪２－１３－１スターフィールドＡ２０１号</t>
  </si>
  <si>
    <t>080-6391-9551</t>
  </si>
  <si>
    <t>ｾｲ</t>
  </si>
  <si>
    <t>（株）Ｈ＆Ｒ</t>
  </si>
  <si>
    <t>柊博</t>
  </si>
  <si>
    <t>355-0007</t>
  </si>
  <si>
    <t>埼玉県東松山市野田１２５５－５</t>
  </si>
  <si>
    <t>0493-59-9786</t>
  </si>
  <si>
    <t>ｴｲﾁｱﾝﾄﾞｱｰﾙ</t>
  </si>
  <si>
    <t>佐藤興業（株）</t>
  </si>
  <si>
    <t>佐藤大樹</t>
  </si>
  <si>
    <t>178-0065</t>
  </si>
  <si>
    <t>東京都練馬区西大泉３－２８－１８ディアス泉Ｂ－１０２</t>
  </si>
  <si>
    <t>090-6167-7547</t>
  </si>
  <si>
    <t>（同）ビザド</t>
  </si>
  <si>
    <t>戸田修</t>
  </si>
  <si>
    <t>206-0023</t>
  </si>
  <si>
    <t>東京都多摩市馬引沢１－４－５グランド・セジュールＢ－１０１</t>
  </si>
  <si>
    <t>042-407-6463</t>
  </si>
  <si>
    <t>ﾋﾞｻﾞﾄﾞ</t>
  </si>
  <si>
    <t>（株）縁和</t>
  </si>
  <si>
    <t>金子和人</t>
  </si>
  <si>
    <t>352-0004</t>
  </si>
  <si>
    <t>埼玉県新座市大和田２－４－４１</t>
  </si>
  <si>
    <t>090-5510-2937</t>
  </si>
  <si>
    <t>ｴﾝﾜ</t>
  </si>
  <si>
    <t>（株）ＵＫＣｒｅａｔｅ</t>
  </si>
  <si>
    <t>浦川浩貴</t>
  </si>
  <si>
    <t>105-0004</t>
  </si>
  <si>
    <t>東京都港区新橋１－５－２ＦａｂｕｌｏｕｓＧＩＮＺＡ７Ｆ</t>
  </si>
  <si>
    <t>03-4560-4163</t>
  </si>
  <si>
    <t>ﾕｰｹｰｸﾘｴｲﾄ</t>
  </si>
  <si>
    <t>松尾隆生</t>
  </si>
  <si>
    <t>ジェイデン総業　アブガン　ナルシソ　ギリエン</t>
  </si>
  <si>
    <t>226-0023</t>
  </si>
  <si>
    <t>神奈川県横浜市緑区小山町２９０－３平和ビル４０３</t>
  </si>
  <si>
    <t>090-9950-4437</t>
  </si>
  <si>
    <t>ｼﾞｪｲﾃﾞﾝｿｳｷﾞｮｳ ｱﾌﾞｶﾞﾝ ﾅﾙｼｿ ｷﾞﾘｴﾝ</t>
  </si>
  <si>
    <t>アブガンナルシソギリエン</t>
  </si>
  <si>
    <t>（株）夏興業</t>
  </si>
  <si>
    <t>須田智新</t>
  </si>
  <si>
    <t>263-0054</t>
  </si>
  <si>
    <t>千葉県千葉市稲毛区宮野木町２１３４－６</t>
  </si>
  <si>
    <t>043-301-6668</t>
  </si>
  <si>
    <t>ﾅﾂｺｳｷﾞｮｳ</t>
  </si>
  <si>
    <t>ＭＩＴＳＵＹＡ　ＣＲＡＳＨＥＲＳ（同）</t>
  </si>
  <si>
    <t>三津谷龍実</t>
  </si>
  <si>
    <t>130-0002</t>
  </si>
  <si>
    <t>東京都墨田区業平１－７－９ＰＬＡＴ２９５－１Ｆ</t>
  </si>
  <si>
    <t>03-6658-8864</t>
  </si>
  <si>
    <t>ﾐﾂﾔｸﾗｯｼｬｰｽﾞ</t>
  </si>
  <si>
    <t>（株）渡辺建設</t>
  </si>
  <si>
    <t>渡辺キミ子</t>
  </si>
  <si>
    <t>370-0101</t>
  </si>
  <si>
    <t>群馬県伊勢崎市境東新井６１９－１</t>
  </si>
  <si>
    <t>0270-71-6219</t>
  </si>
  <si>
    <t>ﾜﾀﾅﾍﾞｹﾝｾﾂ</t>
  </si>
  <si>
    <t>（株）アリババ</t>
  </si>
  <si>
    <t>バブーシャヒーン</t>
  </si>
  <si>
    <t>231-0053</t>
  </si>
  <si>
    <t>神奈川県横浜市中区初音町３－６１－２ネオステージ初音町１０２</t>
  </si>
  <si>
    <t>090-7223-2738</t>
  </si>
  <si>
    <t>ｱﾘﾊﾞﾊﾞ</t>
  </si>
  <si>
    <t>村上治</t>
  </si>
  <si>
    <t>（株）ＹＳＡ</t>
  </si>
  <si>
    <t>八嶋俊之</t>
  </si>
  <si>
    <t>207-0033</t>
  </si>
  <si>
    <t>東京都東大和市芋窪５－１１３５－２</t>
  </si>
  <si>
    <t>042-843-5943</t>
  </si>
  <si>
    <t>ﾜｲｴｽｴｰ</t>
  </si>
  <si>
    <t>（同）ＳＧ工業</t>
  </si>
  <si>
    <t>ゴクセルカン</t>
  </si>
  <si>
    <t>埼玉県越谷市長島１５１－３</t>
  </si>
  <si>
    <t>080-4919-9596</t>
  </si>
  <si>
    <t>ｴｽｼﾞｰｺｳｷﾞｮｳ</t>
  </si>
  <si>
    <t>Ｄ．Ｔ建設（株）</t>
  </si>
  <si>
    <t>　ＴＯＭＡＢＥＲＦＩＮ</t>
  </si>
  <si>
    <t>埼玉県川口市大字安行領根岸２５４９－１サンハイツ小林１０５号</t>
  </si>
  <si>
    <t>090-8724-6112</t>
  </si>
  <si>
    <t>ﾃﾞｨｰﾄﾞｯﾄﾃｨｰｹﾝｾﾂ</t>
  </si>
  <si>
    <t>ＣＡＹＯＺＫＡＮ</t>
  </si>
  <si>
    <t>（株）葉月ホーム</t>
  </si>
  <si>
    <t>細田智也</t>
  </si>
  <si>
    <t>350-1156</t>
  </si>
  <si>
    <t>埼玉県川越市大字中福５３５－２</t>
  </si>
  <si>
    <t>080-8216-5293</t>
  </si>
  <si>
    <t>ﾊﾂﾞｷﾎｰﾑ</t>
  </si>
  <si>
    <t>（株）ＡＲＡＳ</t>
  </si>
  <si>
    <t>チェリクアーメット</t>
  </si>
  <si>
    <t>285-0806</t>
  </si>
  <si>
    <t>千葉県佐倉市大篠塚１０３１－１</t>
  </si>
  <si>
    <t>080-4135-1903</t>
  </si>
  <si>
    <t>ｱﾗｽ</t>
  </si>
  <si>
    <t>（株）栗山建業</t>
  </si>
  <si>
    <t>栗山昇</t>
  </si>
  <si>
    <t>東京都足立区花畑６－３５－３</t>
  </si>
  <si>
    <t>03-4400-7766</t>
  </si>
  <si>
    <t>ｸﾘﾔﾏｹﾝｷﾞｮｳ</t>
  </si>
  <si>
    <t>（有）明星工業</t>
  </si>
  <si>
    <t>長谷川勝幸</t>
  </si>
  <si>
    <t>神奈川県横浜市旭区小高町１５０</t>
  </si>
  <si>
    <t>045-371-8435</t>
  </si>
  <si>
    <t>ﾒｲｾｲｺｳｷﾞｮｳ</t>
  </si>
  <si>
    <t>興洋産業（株）</t>
  </si>
  <si>
    <t>星野喜一郎</t>
  </si>
  <si>
    <t>東京都江戸川区東葛西２－２５－７菅野ビル２階</t>
  </si>
  <si>
    <t>03-5878-0096</t>
  </si>
  <si>
    <t>ｺｳﾖｳｻﾝｷﾞｮｳ</t>
  </si>
  <si>
    <t>小松和也</t>
  </si>
  <si>
    <t>大波総業　長谷川　俊明</t>
  </si>
  <si>
    <t>神奈川県川崎市幸区小倉４－２０－１４</t>
  </si>
  <si>
    <t>044-599-5560</t>
  </si>
  <si>
    <t>ｵｵﾅﾐｿｳｷﾞｮｳ ﾊｾｶﾞﾜ ﾄｼｱｷ</t>
  </si>
  <si>
    <t>長谷川俊明</t>
  </si>
  <si>
    <t>（株）Ｒｅｌａｘ</t>
  </si>
  <si>
    <t>　コールマズルム</t>
  </si>
  <si>
    <t>336-0042</t>
  </si>
  <si>
    <t>埼玉県さいたま市南区大谷口１９９９エクセレント２０４</t>
  </si>
  <si>
    <t>048-607-8739</t>
  </si>
  <si>
    <t>ﾘﾗｯｸｽ</t>
  </si>
  <si>
    <t>コール楓</t>
  </si>
  <si>
    <t>Ｋグローバル（株）</t>
  </si>
  <si>
    <t>キサジックケマル</t>
  </si>
  <si>
    <t>埼玉県川口市木曽呂１０４０</t>
  </si>
  <si>
    <t>090-6711-0590</t>
  </si>
  <si>
    <t>ｹｲｸﾞﾛｰﾊﾞﾙ</t>
  </si>
  <si>
    <t>（株）ＴＲＵＳＴ</t>
  </si>
  <si>
    <t>小倉寛也</t>
  </si>
  <si>
    <t>神奈川県大和市西鶴間１－１０－１３－３０４号</t>
  </si>
  <si>
    <t>046-212-2866</t>
  </si>
  <si>
    <t>ＭＯＶＥ　ＯＮ（株）</t>
  </si>
  <si>
    <t>藤田旭</t>
  </si>
  <si>
    <t>230-0027</t>
  </si>
  <si>
    <t>神奈川県横浜市鶴見区菅沢町７－２４　１Ｆ</t>
  </si>
  <si>
    <t>080-6643-1029</t>
  </si>
  <si>
    <t>ﾑｰﾌﾞｵﾝ</t>
  </si>
  <si>
    <t>大沼豊</t>
  </si>
  <si>
    <t>ディスラプション・デザイン・ジャパン（株）</t>
  </si>
  <si>
    <t>松野俊一郎</t>
  </si>
  <si>
    <t>100-0005</t>
  </si>
  <si>
    <t>東京都千代田区丸の内１－８－３丸の内トラストタワー本館２０階</t>
  </si>
  <si>
    <t>03-5288-5120</t>
  </si>
  <si>
    <t>ﾃﾞｨｽﾗﾌﾟｼｮﾝﾃﾞｻﾞｲﾝｼﾞｬﾊﾟﾝ</t>
  </si>
  <si>
    <t>（株）三清</t>
  </si>
  <si>
    <t>相樂清光</t>
  </si>
  <si>
    <t>東京都世田谷区南烏山６－２９－１０</t>
  </si>
  <si>
    <t>03-6279-6129</t>
  </si>
  <si>
    <t>ｻﾝｾｲ</t>
  </si>
  <si>
    <t>（株）風神</t>
  </si>
  <si>
    <t>ゼンギンムスタファ</t>
  </si>
  <si>
    <t>333-0857</t>
  </si>
  <si>
    <t>埼玉県川口市大字小谷場１０５０－１ジュネスアイフル１０５</t>
  </si>
  <si>
    <t>090-9330-3131</t>
  </si>
  <si>
    <t>ﾌｳｼﾞﾝ</t>
  </si>
  <si>
    <t>安野健太</t>
  </si>
  <si>
    <t>（株）隈元建設</t>
  </si>
  <si>
    <t>隈元ヘイトルセイジ</t>
  </si>
  <si>
    <t>252-1113</t>
  </si>
  <si>
    <t>神奈川県綾瀬市上土棚中２－２－２４</t>
  </si>
  <si>
    <t>080-4465-6322</t>
  </si>
  <si>
    <t>ｸﾏﾓﾄｹﾝｾﾂ</t>
  </si>
  <si>
    <t>隈元ヘイトル　セイジ</t>
  </si>
  <si>
    <t>（同）マトス．Ｍ</t>
  </si>
  <si>
    <t>深渡ミゲル</t>
  </si>
  <si>
    <t>神奈川県川崎市高津区下作延２－１５－２９トップヒル１０１</t>
  </si>
  <si>
    <t>080-5075-7852</t>
  </si>
  <si>
    <t>ﾏﾄｽﾄﾞｯﾄｴﾑ</t>
  </si>
  <si>
    <t>スギコーポレーション</t>
  </si>
  <si>
    <t>神奈川県横浜市保土ケ谷区仏向町１３４４</t>
  </si>
  <si>
    <t>080-9197-3080</t>
  </si>
  <si>
    <t>ｽｷﾞｺｰﾎﾟﾚｰｼｮﾝ</t>
  </si>
  <si>
    <t>杉雄三</t>
  </si>
  <si>
    <t>（株）葛飾Ｇａｒａｇｅ</t>
  </si>
  <si>
    <t>　橋本浩昭</t>
  </si>
  <si>
    <t>125-0031</t>
  </si>
  <si>
    <t>東京都葛飾区西水元２－１２－１８</t>
  </si>
  <si>
    <t>03-5672-9726</t>
  </si>
  <si>
    <t>ｶﾂｼｶｶﾞﾚｰｼﾞ</t>
  </si>
  <si>
    <t>橋本浩昭</t>
  </si>
  <si>
    <t>（株）フォーライフ</t>
  </si>
  <si>
    <t>　佐藤憲之</t>
  </si>
  <si>
    <t>230-0041</t>
  </si>
  <si>
    <t>神奈川県横浜市鶴見区潮田町４－１５６－１潮田マンション</t>
  </si>
  <si>
    <t>045-515-5942</t>
  </si>
  <si>
    <t>ﾌｫｰﾗｲﾌ</t>
  </si>
  <si>
    <t>佐藤憲之</t>
  </si>
  <si>
    <t>（株）クト工業</t>
  </si>
  <si>
    <t>ＣＥＬＩＫＳＡＬＭＡＮ</t>
  </si>
  <si>
    <t>埼玉県草加市小山１－１７－２２ガーデンハウス参番館２０１</t>
  </si>
  <si>
    <t>070-2013-0716</t>
  </si>
  <si>
    <t>ｸﾄｺｳｷﾞｮｳ</t>
  </si>
  <si>
    <t>チェリック眞奈</t>
  </si>
  <si>
    <t>（有）マルイ産業</t>
  </si>
  <si>
    <t>磯崎裕之</t>
  </si>
  <si>
    <t>258-0113</t>
  </si>
  <si>
    <t>神奈川県足柄上郡山北町山北２１１１</t>
  </si>
  <si>
    <t>0465-75-0343</t>
  </si>
  <si>
    <t>ﾏﾙｲｻﾝｷﾞｮｳ</t>
  </si>
  <si>
    <t>（株）ＹＭ興業</t>
  </si>
  <si>
    <t>イルマズ・ムスタファ</t>
  </si>
  <si>
    <t>埼玉県川口市柳崎５－９－９コーポフラワーＡ－１０１号</t>
  </si>
  <si>
    <t>080-7622-0050</t>
  </si>
  <si>
    <t>ﾜｲｴﾑｺｳｷﾞｮｳ</t>
  </si>
  <si>
    <t>西澤ラケル</t>
  </si>
  <si>
    <t>（有）市川実業</t>
  </si>
  <si>
    <t>田原真樹</t>
  </si>
  <si>
    <t>167-0022</t>
  </si>
  <si>
    <t>東京都杉並区下井草１－２９－１１</t>
  </si>
  <si>
    <t>03-5303-9560</t>
  </si>
  <si>
    <t>ｲﾁｶﾜｼﾞﾂｷﾞｮｳ</t>
  </si>
  <si>
    <t>石井　悠玄</t>
  </si>
  <si>
    <t>190-0021</t>
  </si>
  <si>
    <t>東京都立川市羽衣町２－５０－６ディスコ・ボランテ１０１</t>
  </si>
  <si>
    <t>080-7370-0321</t>
  </si>
  <si>
    <t>ｲｼｲ ﾕｳｹﾞﾝ</t>
  </si>
  <si>
    <t>石井悠玄</t>
  </si>
  <si>
    <t>（株）仲村建設</t>
  </si>
  <si>
    <t>中村一義</t>
  </si>
  <si>
    <t>神奈川県厚木市山際７７６－１フレグランスアキラⅡ１０３</t>
  </si>
  <si>
    <t>080-7475-0211</t>
  </si>
  <si>
    <t>ﾅｶﾑﾗｹﾝｾﾂ</t>
  </si>
  <si>
    <t>（株）ＫＵＲＴ</t>
  </si>
  <si>
    <t>埼玉県さいたま市中央区下落合６－１６－１－１</t>
  </si>
  <si>
    <t>080-5958-3748</t>
  </si>
  <si>
    <t>ｸﾙﾄ</t>
  </si>
  <si>
    <t>（有）栄解体工業</t>
  </si>
  <si>
    <t>二階堂久彌</t>
  </si>
  <si>
    <t>194-0032</t>
  </si>
  <si>
    <t>東京都町田市本町田８１６－２－１０８</t>
  </si>
  <si>
    <t>042-728-7707</t>
  </si>
  <si>
    <t>ｻｶｴｶｲﾀｲｺｳｷﾞｮｳ</t>
  </si>
  <si>
    <t>（株）あんしん</t>
  </si>
  <si>
    <t>カタルデギルメン・ハサン・アリ</t>
  </si>
  <si>
    <t>埼玉県蕨市塚越１－９－９</t>
  </si>
  <si>
    <t>080-4457-1665</t>
  </si>
  <si>
    <t>君山曻</t>
  </si>
  <si>
    <t>（株）オルハン</t>
  </si>
  <si>
    <t>エグリオルハン</t>
  </si>
  <si>
    <t>東京都豊島区東池袋１－１７－１１パークハイツ池袋１１０５号</t>
  </si>
  <si>
    <t>050-6883-9384</t>
  </si>
  <si>
    <t>ｵﾙﾊﾝ</t>
  </si>
  <si>
    <t>（株）Ａｓｌａｎ</t>
  </si>
  <si>
    <t>アスランイスマイル</t>
  </si>
  <si>
    <t>336-0031</t>
  </si>
  <si>
    <t>埼玉県さいたま市南区鹿手袋４－１８－８Ｋｏｃｈｏ８－１０１号室</t>
  </si>
  <si>
    <t>070-4286-0081</t>
  </si>
  <si>
    <t>ＡＫＣＡＬＩ（株）</t>
  </si>
  <si>
    <t>アクチャルシナン</t>
  </si>
  <si>
    <t>343-0801</t>
  </si>
  <si>
    <t>埼玉県越谷市大字野島２５１</t>
  </si>
  <si>
    <t>070-3195-1995</t>
  </si>
  <si>
    <t>ｱｸﾁｬﾙ</t>
  </si>
  <si>
    <t>（株）ＡＲＳ</t>
  </si>
  <si>
    <t>アルスラン尚子</t>
  </si>
  <si>
    <t>埼玉県川口市戸塚１－９－３５グランディール２０２号</t>
  </si>
  <si>
    <t>090-7697-1563</t>
  </si>
  <si>
    <t>ｱﾙｽ</t>
  </si>
  <si>
    <t>齊藤英人</t>
  </si>
  <si>
    <t>樋口金属（株）</t>
  </si>
  <si>
    <t>＊（劉の異字体）博</t>
  </si>
  <si>
    <t>250-0216</t>
  </si>
  <si>
    <t>神奈川県小田原市高田５６８－２</t>
  </si>
  <si>
    <t>0465-46-6204</t>
  </si>
  <si>
    <t>ﾋｸﾞﾁｷﾝｿﾞｸ</t>
  </si>
  <si>
    <t>毛双双</t>
  </si>
  <si>
    <t>（株）エムテック</t>
  </si>
  <si>
    <t>加來政志</t>
  </si>
  <si>
    <t>107-0051</t>
  </si>
  <si>
    <t>東京都港区元赤坂１－１－１８元赤坂ＮＨビル３階</t>
  </si>
  <si>
    <t>03-6826-0945</t>
  </si>
  <si>
    <t>ｴﾑﾃｯｸ</t>
  </si>
  <si>
    <t>ＫＹＯＤＡＩ（株）</t>
  </si>
  <si>
    <t>ジュリアン・マコラゾン・ゴメズ</t>
  </si>
  <si>
    <t>埼玉県川口市西川口１－１９－８</t>
  </si>
  <si>
    <t>090-4607-9806</t>
  </si>
  <si>
    <t>ｷｮｳﾀﾞｲ</t>
  </si>
  <si>
    <t>仁中工業（株）</t>
  </si>
  <si>
    <t>中山篤史</t>
  </si>
  <si>
    <t>382-0034</t>
  </si>
  <si>
    <t>長野県須坂市大字仁礼４８５－１</t>
  </si>
  <si>
    <t>026-405-4417</t>
  </si>
  <si>
    <t>ｼﾞﾝﾁｭｳｺｳｷﾞｮｳ</t>
  </si>
  <si>
    <t>（株）花鳥興業</t>
  </si>
  <si>
    <t>山口勝也</t>
  </si>
  <si>
    <t>259-1322</t>
  </si>
  <si>
    <t>神奈川県秦野市渋沢１－３３－１</t>
  </si>
  <si>
    <t>0463-88-4330</t>
  </si>
  <si>
    <t>ｶﾁｮｳｺｳｷﾞｮｳ</t>
  </si>
  <si>
    <t>（同）幸一</t>
  </si>
  <si>
    <t>チェリキソイムーラット</t>
  </si>
  <si>
    <t>埼玉県川口市芝下２－９－２５－２号</t>
  </si>
  <si>
    <t>070-2810-7402</t>
  </si>
  <si>
    <t>ｺｳｲﾁ</t>
  </si>
  <si>
    <t>清水華子</t>
  </si>
  <si>
    <t>（株）進朋解体</t>
  </si>
  <si>
    <t>加藤生</t>
  </si>
  <si>
    <t>197-0023</t>
  </si>
  <si>
    <t>東京都福生市志茂１６９－１ライオンズマンション１０７</t>
  </si>
  <si>
    <t>042-513-0644</t>
  </si>
  <si>
    <t>ｼﾝﾎｳｶｲﾀｲ</t>
  </si>
  <si>
    <t>＊田（吉の「士」が「喜代次</t>
  </si>
  <si>
    <t>龍鵬国際（株）</t>
  </si>
  <si>
    <t>橋本辰鵬</t>
  </si>
  <si>
    <t>120-0003</t>
  </si>
  <si>
    <t>東京都足立区東和３－１３－１－３３０号</t>
  </si>
  <si>
    <t>03-5849-5071</t>
  </si>
  <si>
    <t>ﾀﾂﾎｳｺｸｻｲ</t>
  </si>
  <si>
    <t>小林ジョリ</t>
  </si>
  <si>
    <t>（株）住宅一家</t>
  </si>
  <si>
    <t>岡田慎太郎</t>
  </si>
  <si>
    <t>114-0014</t>
  </si>
  <si>
    <t>東京都北区田端１－１２－１４エチゴヤビル２階</t>
  </si>
  <si>
    <t>03-5834-7665</t>
  </si>
  <si>
    <t>ｼﾞｭｳﾀｸｲｯｶ</t>
  </si>
  <si>
    <t>菅原翔也</t>
  </si>
  <si>
    <t>（株）カレント</t>
  </si>
  <si>
    <t>飯島徹</t>
  </si>
  <si>
    <t>240-0045</t>
  </si>
  <si>
    <t>神奈川県横浜市保土ケ谷区川島町１５７１－１－２Ｆ</t>
  </si>
  <si>
    <t>045-459-6445</t>
  </si>
  <si>
    <t>ｶﾚﾝﾄ</t>
  </si>
  <si>
    <t>金子真彦</t>
  </si>
  <si>
    <t>（株）Ｎａｔｕｒａｌ　Ｋ　ｆｏｒｍ</t>
  </si>
  <si>
    <t>北田雄士</t>
  </si>
  <si>
    <t>251-0035</t>
  </si>
  <si>
    <t>神奈川県藤沢市片瀬海岸２－１４－１５</t>
  </si>
  <si>
    <t>080-4124-1191</t>
  </si>
  <si>
    <t>ﾅﾁｭﾗﾙﾌｫｰﾑ</t>
  </si>
  <si>
    <t>（株）大洋</t>
  </si>
  <si>
    <t>石渡幸治</t>
  </si>
  <si>
    <t>240-0025</t>
  </si>
  <si>
    <t>神奈川県横浜市保土ケ谷区狩場町２９２－６</t>
  </si>
  <si>
    <t>090-2917-3022</t>
  </si>
  <si>
    <t>（株）芦田商店</t>
  </si>
  <si>
    <t>蘆田健介</t>
  </si>
  <si>
    <t>神奈川県横浜市港北区鳥山町６８９グレーシア横浜小机１０７号</t>
  </si>
  <si>
    <t>070-1558-1442</t>
  </si>
  <si>
    <t>ｱｼﾀﾞｼｮｳﾃﾝ</t>
  </si>
  <si>
    <t>（株）小暮グループ</t>
  </si>
  <si>
    <t>小暮アリ</t>
  </si>
  <si>
    <t>340-0112</t>
  </si>
  <si>
    <t>埼玉県幸手市大字権現堂４５６－５</t>
  </si>
  <si>
    <t>0480-30-9420</t>
  </si>
  <si>
    <t>ｺｸﾞﾚｸﾞﾙｰﾌﾟ</t>
  </si>
  <si>
    <t>小暮絢</t>
  </si>
  <si>
    <t>（株）ソライズ</t>
  </si>
  <si>
    <t>的野博</t>
  </si>
  <si>
    <t>191-0012</t>
  </si>
  <si>
    <t>東京都日野市日野１４８０－６</t>
  </si>
  <si>
    <t>090-5120-6276</t>
  </si>
  <si>
    <t>ｿﾗｲｽﾞ</t>
  </si>
  <si>
    <t>（株）中村工業</t>
  </si>
  <si>
    <t>胡波</t>
  </si>
  <si>
    <t>123-0871</t>
  </si>
  <si>
    <t>東京都足立区椿２－６－８</t>
  </si>
  <si>
    <t>03-6754-0691</t>
  </si>
  <si>
    <t>ﾅｶﾑﾗｺｳｷﾞｮｳ</t>
  </si>
  <si>
    <t>廉洪義</t>
  </si>
  <si>
    <t>ＤＩＷＡ工業（株）</t>
  </si>
  <si>
    <t>アクグル・ハサン・フセイン</t>
  </si>
  <si>
    <t>090-4200-0663</t>
  </si>
  <si>
    <t>ﾃﾞｨﾜｺｳｷﾞｮｳ</t>
  </si>
  <si>
    <t>大輝工業（同）</t>
  </si>
  <si>
    <t>　麻生大輝</t>
  </si>
  <si>
    <t>262-0018</t>
  </si>
  <si>
    <t>千葉県千葉市花見川区畑町３５１</t>
  </si>
  <si>
    <t>043-215-7700</t>
  </si>
  <si>
    <t>ﾀﾞｲｷｺｳｷﾞｮｳ</t>
  </si>
  <si>
    <t>麻生大輝</t>
  </si>
  <si>
    <t>桐田工業　桐田　成年</t>
  </si>
  <si>
    <t>神奈川県横浜市神奈川区菅田町１７８５－１フラット西前田３０３</t>
  </si>
  <si>
    <t>090-4618-1099</t>
  </si>
  <si>
    <t>ｷﾘﾀｺｳｷﾞｮｳ ｷﾘﾀ ﾅﾘﾄｼ</t>
  </si>
  <si>
    <t>桐田成年</t>
  </si>
  <si>
    <t>田浦　遼</t>
  </si>
  <si>
    <t>249-0004</t>
  </si>
  <si>
    <t>神奈川県逗子市沼間１－６－３３</t>
  </si>
  <si>
    <t>080-3934-9346</t>
  </si>
  <si>
    <t>ﾀｳﾗ ﾘｮｳ</t>
  </si>
  <si>
    <t>田浦遼</t>
  </si>
  <si>
    <t>（株）瑠建設土木</t>
  </si>
  <si>
    <t>上地栄洋</t>
  </si>
  <si>
    <t>神奈川県相模原市中央区上溝３６２－１７</t>
  </si>
  <si>
    <t>090-6883-5079</t>
  </si>
  <si>
    <t>ﾘｭｳｹﾝｾﾂﾄﾞﾎﾞｸ</t>
  </si>
  <si>
    <t>（株）ＹＭ企画</t>
  </si>
  <si>
    <t>依田充弘</t>
  </si>
  <si>
    <t>256-0803</t>
  </si>
  <si>
    <t>神奈川県小田原市中村原６９７－２４</t>
  </si>
  <si>
    <t>080-3539-1521</t>
  </si>
  <si>
    <t>ﾜｲｴﾑｷｶｸ</t>
  </si>
  <si>
    <t>Ｂｌａｎｃ　ｄｅ　Ｂｌａｎｃ（株）</t>
  </si>
  <si>
    <t>中村享一</t>
  </si>
  <si>
    <t>110-0001</t>
  </si>
  <si>
    <t>東京都台東区谷中２－９－２２</t>
  </si>
  <si>
    <t>090-8814-9191</t>
  </si>
  <si>
    <t>ﾌﾞﾗﾝﾄﾞﾌﾞﾗﾝ</t>
  </si>
  <si>
    <t>鈴木　貴之</t>
  </si>
  <si>
    <t>244-0817</t>
  </si>
  <si>
    <t>神奈川県横浜市戸塚区吉田町６１９第五野本１０６号</t>
  </si>
  <si>
    <t>080-8124-1105</t>
  </si>
  <si>
    <t>ｽｽﾞｷ ﾀｶﾕｷ</t>
  </si>
  <si>
    <t>鈴木貴之</t>
  </si>
  <si>
    <t>（株）ゼノファクトリー</t>
  </si>
  <si>
    <t>白戸孝平</t>
  </si>
  <si>
    <t>225-0011</t>
  </si>
  <si>
    <t>神奈川県横浜市青葉区あざみ野４－１５－６プラムスクエア１０６</t>
  </si>
  <si>
    <t>090-1272-2848</t>
  </si>
  <si>
    <t>ｾﾞﾉﾌｧｸﾄﾘｰ</t>
  </si>
  <si>
    <t>（株）Ｔ　ＳＴＡＲ</t>
  </si>
  <si>
    <t>トーマイマムハサン</t>
  </si>
  <si>
    <t>埼玉県さいたま市南区大字円正寺２０５－２</t>
  </si>
  <si>
    <t>080-7289-4783</t>
  </si>
  <si>
    <t>ﾃｨｽﾀｰ</t>
  </si>
  <si>
    <t>（株）Ｅｙｍｅｎ</t>
  </si>
  <si>
    <t>クムルジャシュレイマン</t>
  </si>
  <si>
    <t>337-0024</t>
  </si>
  <si>
    <t>埼玉県さいたま市見沼区大字片柳１６１０－１</t>
  </si>
  <si>
    <t>070-8567-7661</t>
  </si>
  <si>
    <t>ｴｲﾒﾝ</t>
  </si>
  <si>
    <t>（株）藤和</t>
  </si>
  <si>
    <t>清水和大</t>
  </si>
  <si>
    <t>神奈川県高座郡寒川町岡田３－２２－１３</t>
  </si>
  <si>
    <t>0467-84-7168</t>
  </si>
  <si>
    <t>ﾄｳﾜ</t>
  </si>
  <si>
    <t>（株）小鳥遊ｗｏｒｋｓ</t>
  </si>
  <si>
    <t>　髙梨克巳</t>
  </si>
  <si>
    <t>238-0114</t>
  </si>
  <si>
    <t>神奈川県三浦市初声町和田２６４８－３</t>
  </si>
  <si>
    <t>080-2567-1699</t>
  </si>
  <si>
    <t>ﾀｶﾅｼﾜｰｸｽ</t>
  </si>
  <si>
    <t>髙梨克巳</t>
  </si>
  <si>
    <t>ＳＫＹ　ＡＲＴ　ＤＥＦＥＮＳＥ　ＪＡＰＡＮ（株）</t>
  </si>
  <si>
    <t>田篭敏典</t>
  </si>
  <si>
    <t>108-0074</t>
  </si>
  <si>
    <t>東京都港区高輪４－１４－１－７０９</t>
  </si>
  <si>
    <t>03-3440-6777</t>
  </si>
  <si>
    <t>ｽｶｲｱｰﾄﾃﾞｨﾌｪﾝｽｼﾞｬﾊﾟﾝ</t>
  </si>
  <si>
    <t>ＡＲＰＡＡＢＤＵＬＬＡＨ</t>
  </si>
  <si>
    <t>便利屋ミヤナミ（株）</t>
  </si>
  <si>
    <t>宮南洋</t>
  </si>
  <si>
    <t>114-0024</t>
  </si>
  <si>
    <t>東京都北区西ケ原１－５８－１１</t>
  </si>
  <si>
    <t>080-1122-5799</t>
  </si>
  <si>
    <t>ﾍﾞﾝﾘﾔﾐﾔﾅﾐ</t>
  </si>
  <si>
    <t>（株）ＫＯＲＫＭＡＺ　ＫＩＮＧ</t>
  </si>
  <si>
    <t>コルクマズ・ハリル</t>
  </si>
  <si>
    <t>埼玉県川口市石神９４２－４</t>
  </si>
  <si>
    <t>080-9363-1996</t>
  </si>
  <si>
    <t>ｺﾙｸﾏｽﾞｷﾝｸﾞ</t>
  </si>
  <si>
    <t>髙原和重</t>
  </si>
  <si>
    <t>（株）ＵＴ建設</t>
  </si>
  <si>
    <t>谷口寛太</t>
  </si>
  <si>
    <t>333-0851</t>
  </si>
  <si>
    <t>埼玉県川口市芝新町２－９　ミナミビル３Ｆ</t>
  </si>
  <si>
    <t>050-7110-1283</t>
  </si>
  <si>
    <t>ﾕｰﾃｨｰｹﾝｾﾂ</t>
  </si>
  <si>
    <t>曾澤諒平</t>
  </si>
  <si>
    <t>藪内興業　藪内　竜太</t>
  </si>
  <si>
    <t>252-0225</t>
  </si>
  <si>
    <t>神奈川県相模原市中央区緑が丘１－２１－１５－２</t>
  </si>
  <si>
    <t>080-2079-5135</t>
  </si>
  <si>
    <t>ﾔﾌﾞｳﾁｺｳｷﾞｮｳ ﾔﾌﾞｳﾁﾘｭｳﾀ</t>
  </si>
  <si>
    <t>藪内竜太</t>
  </si>
  <si>
    <t>（株）ＥＥＥ</t>
  </si>
  <si>
    <t>二宮明</t>
  </si>
  <si>
    <t>226-0019</t>
  </si>
  <si>
    <t>神奈川県横浜市緑区中山４－４１－１１－２０２</t>
  </si>
  <si>
    <t>045-938-8817</t>
  </si>
  <si>
    <t>ｲｰｲｰｲｰ</t>
  </si>
  <si>
    <t>ＮＥＷ３６９（株）</t>
  </si>
  <si>
    <t>　髙橋由郎</t>
  </si>
  <si>
    <t>259-1122</t>
  </si>
  <si>
    <t>神奈川県伊勢原市小稲葉１７６－１</t>
  </si>
  <si>
    <t>050-8880-8007</t>
  </si>
  <si>
    <t>ﾆｭｰﾐﾛｸ</t>
  </si>
  <si>
    <t>髙橋由郎</t>
  </si>
  <si>
    <t>谷口　麗雄</t>
  </si>
  <si>
    <t>神奈川県横浜市瀬谷区竹村町１６－２０</t>
  </si>
  <si>
    <t>080-1113-0005</t>
  </si>
  <si>
    <t>ﾔｸﾞﾁ ﾚｵ</t>
  </si>
  <si>
    <t>谷口麗雄</t>
  </si>
  <si>
    <t>（株）マエバラ</t>
  </si>
  <si>
    <t>出野好夫</t>
  </si>
  <si>
    <t>302-0101</t>
  </si>
  <si>
    <t>茨城県守谷市板戸井１７４５</t>
  </si>
  <si>
    <t>0297-45-7427</t>
  </si>
  <si>
    <t>ﾏｴﾊﾞﾗ</t>
  </si>
  <si>
    <t>（株）ＫＡＷＡＭＯＴＯ</t>
  </si>
  <si>
    <t>カヤメメット</t>
  </si>
  <si>
    <t>埼玉県川口市西川口１－５－２０－４階</t>
  </si>
  <si>
    <t>070-3162-1956</t>
  </si>
  <si>
    <t>ｶﾜﾓﾄ</t>
  </si>
  <si>
    <t>佐々木勝行</t>
  </si>
  <si>
    <t>ＫＡＢＵＴＯ（株）</t>
  </si>
  <si>
    <t>ケスキハカン</t>
  </si>
  <si>
    <t>埼玉県川口市戸塚東１－２６－９エステート川口１０３号</t>
  </si>
  <si>
    <t>080-6987-8131</t>
  </si>
  <si>
    <t>ｶﾌﾞﾄ</t>
  </si>
  <si>
    <t>（株）成信</t>
  </si>
  <si>
    <t>杉山徹</t>
  </si>
  <si>
    <t>410-1326</t>
  </si>
  <si>
    <t>静岡県駿東郡小山町用沢１２０５－９７</t>
  </si>
  <si>
    <t>0550-78-0389</t>
  </si>
  <si>
    <t>ｼﾞｮｳｼﾝ</t>
  </si>
  <si>
    <t>（株）スマート美建</t>
  </si>
  <si>
    <t>久木山晶人</t>
  </si>
  <si>
    <t>243-0025</t>
  </si>
  <si>
    <t>神奈川県厚木市上落合３５３４号室</t>
  </si>
  <si>
    <t>046-258-9109</t>
  </si>
  <si>
    <t>ｽﾏｰﾄﾋﾞｹﾝ</t>
  </si>
  <si>
    <t>（株）正工</t>
  </si>
  <si>
    <t>長塚エミ</t>
  </si>
  <si>
    <t>神奈川県横須賀市鴨居１－８－４正工ビル</t>
  </si>
  <si>
    <t>046-890-7242</t>
  </si>
  <si>
    <t>ﾏｻｺｳ</t>
  </si>
  <si>
    <t>（株）Ｒｅ－ＤｅＣ</t>
  </si>
  <si>
    <t>山岸莉夕</t>
  </si>
  <si>
    <t>193-0942</t>
  </si>
  <si>
    <t>東京都八王子市椚田町５５７－１７エスペラール１０２</t>
  </si>
  <si>
    <t>090-1195-0287</t>
  </si>
  <si>
    <t>ﾘｰﾃﾞｯｸ</t>
  </si>
  <si>
    <t>（株）三晴</t>
  </si>
  <si>
    <t>中里晴樹</t>
  </si>
  <si>
    <t>123-0861</t>
  </si>
  <si>
    <t>東京都足立区加賀１－２０－６</t>
  </si>
  <si>
    <t>03-5647-6984</t>
  </si>
  <si>
    <t>バリュークリエーション（株）</t>
  </si>
  <si>
    <t>新谷晃人</t>
  </si>
  <si>
    <t>150-0013</t>
  </si>
  <si>
    <t>東京都渋谷区恵比寿１－１８－１４恵比寿ファーストスクエア９階</t>
  </si>
  <si>
    <t>03-5468-6877</t>
  </si>
  <si>
    <t>ﾊﾞﾘｭｰｸﾘｴｰｼｮﾝ</t>
  </si>
  <si>
    <t>松本宣文</t>
  </si>
  <si>
    <t>（株）ＫＡＹＡ</t>
  </si>
  <si>
    <t>カヤサリ</t>
  </si>
  <si>
    <t>埼玉県川口市戸塚東１－２２－１０－２１０号</t>
  </si>
  <si>
    <t>080-5682-3200</t>
  </si>
  <si>
    <t>ｶﾔ</t>
  </si>
  <si>
    <t>（株）備研</t>
  </si>
  <si>
    <t>　内山治一</t>
  </si>
  <si>
    <t>238-0314</t>
  </si>
  <si>
    <t>神奈川県横須賀市須軽谷１７２－６</t>
  </si>
  <si>
    <t>046-858-1874</t>
  </si>
  <si>
    <t>ﾋﾞｹﾝ</t>
  </si>
  <si>
    <t>内山治一</t>
  </si>
  <si>
    <t>（株）栗原組</t>
  </si>
  <si>
    <t>栗原廣</t>
  </si>
  <si>
    <t>177-0035</t>
  </si>
  <si>
    <t>東京都練馬区南田中４－７－２１</t>
  </si>
  <si>
    <t>03-3995-5848</t>
  </si>
  <si>
    <t>ｸﾘﾊﾗｸﾞﾐ</t>
  </si>
  <si>
    <t>レギスタン（株）</t>
  </si>
  <si>
    <t>ウロコヴファルホドファイズロエヴィッチュ</t>
    <phoneticPr fontId="2"/>
  </si>
  <si>
    <t>神奈川県横浜市泉区和泉町３２２－２</t>
  </si>
  <si>
    <t>080-8009-5000</t>
  </si>
  <si>
    <t>ﾚｷﾞｽﾀﾝ</t>
  </si>
  <si>
    <t>上田康久</t>
  </si>
  <si>
    <t>アイワ物産（株）</t>
  </si>
  <si>
    <t>落合進市</t>
  </si>
  <si>
    <t>112-0012</t>
  </si>
  <si>
    <t>東京都文京区大塚５－６－５</t>
  </si>
  <si>
    <t>03-3941-1572</t>
  </si>
  <si>
    <t>ｱｲﾜﾌﾞｯｻﾝ</t>
  </si>
  <si>
    <t>虎工業　レルトラ　エマヌエル　エイスン</t>
  </si>
  <si>
    <t>236-0011</t>
  </si>
  <si>
    <t>神奈川県横浜市金沢区長浜２－１７－２</t>
  </si>
  <si>
    <t>080-4882-2846</t>
  </si>
  <si>
    <t>ﾄﾗｺｳｷﾞｮｳ ﾚﾙﾄﾗ ｴﾏﾇｴﾙ ｴｲｽﾝ</t>
  </si>
  <si>
    <t>レルトラ　エマヌエルエイスン</t>
  </si>
  <si>
    <t>（株）夢・未来クリエイション</t>
  </si>
  <si>
    <t>米山護</t>
  </si>
  <si>
    <t>252-0029</t>
  </si>
  <si>
    <t>神奈川県座間市入谷西２－４１－１５</t>
  </si>
  <si>
    <t>046-255-9423</t>
  </si>
  <si>
    <t>ﾕﾒﾐﾗｲｸﾘｴｲｼｮﾝ</t>
  </si>
  <si>
    <t>青葉（同）</t>
  </si>
  <si>
    <t>コチェル　ハジマフムット</t>
  </si>
  <si>
    <t>埼玉県川口市西川口５－３－１１</t>
  </si>
  <si>
    <t>070-8562-8559</t>
  </si>
  <si>
    <t>ｱｵﾊﾞ</t>
  </si>
  <si>
    <t>ジーエスピー　福島　泰正</t>
  </si>
  <si>
    <t>167-0021</t>
  </si>
  <si>
    <t>東京都杉並区井草１－４－１１榎本コーポ３０２</t>
  </si>
  <si>
    <t>070-4759-8666</t>
  </si>
  <si>
    <t>ｼﾞｰｴｽﾋﾟｰ ﾌｸｼﾏﾔｽﾏｻ</t>
  </si>
  <si>
    <t>福島泰正</t>
  </si>
  <si>
    <t>龍商事（株）</t>
  </si>
  <si>
    <t>馬賽竜</t>
  </si>
  <si>
    <t>252-1107</t>
  </si>
  <si>
    <t>神奈川県綾瀬市深谷中７－２７－２</t>
  </si>
  <si>
    <t>0467-91-9381</t>
  </si>
  <si>
    <t>ﾘｭｳｼｮｳｼﾞ</t>
  </si>
  <si>
    <t>眞鍋解体　岡村　深雪</t>
  </si>
  <si>
    <t>東京都八王子市元八王子町３－２７５０－１０４６</t>
  </si>
  <si>
    <t>042-690-9341</t>
  </si>
  <si>
    <t>ﾏﾅﾍﾞｶｲﾀｲ ｵｶﾑﾗ ﾐﾕｷ</t>
  </si>
  <si>
    <t>岡村嵩史</t>
  </si>
  <si>
    <t>駿河建創　川島駿平</t>
  </si>
  <si>
    <t>252-0002</t>
  </si>
  <si>
    <t>神奈川県座間市小松原２－４４－１－４０６</t>
  </si>
  <si>
    <t>046-208-4409</t>
  </si>
  <si>
    <t>ｽﾙｶﾞｹﾝｿｳ ｶﾜｼﾏｼｭﾝﾍﾟｲ</t>
  </si>
  <si>
    <t>川島駿平</t>
  </si>
  <si>
    <t>アレス（株）</t>
  </si>
  <si>
    <t>ヤンスラクフセイン</t>
  </si>
  <si>
    <t>240-0036</t>
  </si>
  <si>
    <t>神奈川県横浜市保土ケ谷区新桜ケ丘１－４４－１１－３０２</t>
  </si>
  <si>
    <t>080-7473-1012</t>
  </si>
  <si>
    <t>ｱﾚｽ</t>
  </si>
  <si>
    <t>（同）池田興業</t>
  </si>
  <si>
    <t>池田知広</t>
  </si>
  <si>
    <t>203-0031</t>
  </si>
  <si>
    <t>東京都東久留米市南町４－６－２８</t>
  </si>
  <si>
    <t>042-427-5641</t>
  </si>
  <si>
    <t>ｲｹﾀﾞｺｳｷﾞｮｳ</t>
  </si>
  <si>
    <t>（同）オフィスいとう</t>
  </si>
  <si>
    <t>伊藤元正</t>
  </si>
  <si>
    <t>神奈川県厚木市三田２５９６－１</t>
  </si>
  <si>
    <t>046-258-6837</t>
  </si>
  <si>
    <t>ｵﾌｨｽｲﾄｳ</t>
  </si>
  <si>
    <t>丸尾興業　丸尾宗</t>
  </si>
  <si>
    <t>235-0021</t>
  </si>
  <si>
    <t>神奈川県横浜市磯子区岡村５－３－３</t>
  </si>
  <si>
    <t>080-4638-1103</t>
  </si>
  <si>
    <t>ﾏﾙｵｺｳｷﾞｮｳ ﾏﾙｵﾀｶｼ</t>
  </si>
  <si>
    <t>丸尾宗</t>
  </si>
  <si>
    <t>（株）清雅工業</t>
  </si>
  <si>
    <t>伊藤雅高</t>
  </si>
  <si>
    <t>270-2203</t>
  </si>
  <si>
    <t>千葉県松戸市六高台７－６６ハートフルシティ松戸六高台スクエア１－６０６号</t>
  </si>
  <si>
    <t>047-711-6149</t>
  </si>
  <si>
    <t>ｾｲｶﾞｺｳｷﾞｮｳ</t>
  </si>
  <si>
    <t>コウセイ（株）</t>
  </si>
  <si>
    <t>　常世田健治</t>
  </si>
  <si>
    <t>133-0073</t>
  </si>
  <si>
    <t>東京都江戸川区鹿骨２－９－４</t>
  </si>
  <si>
    <t>03-3679-5268</t>
  </si>
  <si>
    <t>ｺｳｾｲ</t>
  </si>
  <si>
    <t>常世田健治</t>
  </si>
  <si>
    <t>Ｄｅｍｏｌｉｓｈ（同）</t>
  </si>
  <si>
    <t>　小川弘美</t>
  </si>
  <si>
    <t>252-0311</t>
  </si>
  <si>
    <t>神奈川県相模原市南区東林間５－４－７グレイスメゾン東林間２０１</t>
  </si>
  <si>
    <t>070-3832-0715</t>
  </si>
  <si>
    <t>ﾃﾞﾓﾘｯｼｭ</t>
  </si>
  <si>
    <t>小川弘美</t>
  </si>
  <si>
    <t>（株）ＬＩＯＮ　ＥＣＯＷＯＲＫＳ</t>
  </si>
  <si>
    <t>渡邉和也</t>
  </si>
  <si>
    <t>351-0023</t>
  </si>
  <si>
    <t>埼玉県朝霞市溝沼２－１－２５－３０７</t>
  </si>
  <si>
    <t>048-423-4434</t>
  </si>
  <si>
    <t>ﾗｲｵﾝｴｺﾜｰｸｽ</t>
  </si>
  <si>
    <t>（株）志田建設</t>
  </si>
  <si>
    <t>志田延春</t>
  </si>
  <si>
    <t>144-0034</t>
  </si>
  <si>
    <t>東京都大田区西糀谷３－２－１</t>
  </si>
  <si>
    <t>090-9306-1199</t>
  </si>
  <si>
    <t>ｼﾀﾞｹﾝｾﾂ</t>
  </si>
  <si>
    <t>志田健</t>
  </si>
  <si>
    <t>（株）えにし</t>
  </si>
  <si>
    <t>杉山健太郎</t>
  </si>
  <si>
    <t>272-0802</t>
  </si>
  <si>
    <t>千葉県市川市柏井町３－６２０－１</t>
  </si>
  <si>
    <t>047-703-9846</t>
  </si>
  <si>
    <t>ｴﾆｼ</t>
  </si>
  <si>
    <t>斎藤司</t>
  </si>
  <si>
    <t>ＯＦＢ（株）</t>
  </si>
  <si>
    <t>藤原伸輔</t>
  </si>
  <si>
    <t>神奈川県横浜市神奈川区菅田町４８３－１３</t>
  </si>
  <si>
    <t>045-548-4966</t>
  </si>
  <si>
    <t>ｵｰｴﾌﾋﾞｰ</t>
  </si>
  <si>
    <t>（株）Ｈ・Ｔハウジング</t>
  </si>
  <si>
    <t>手塚信彦</t>
  </si>
  <si>
    <t>東京都板橋区赤塚７－２５－１８ＨＴビル</t>
  </si>
  <si>
    <t>03-6281-0481</t>
  </si>
  <si>
    <t>ｴｲﾁﾃｨｰﾊｳｼﾞﾝｸﾞ</t>
  </si>
  <si>
    <t>ＫＴ解体　田上　エンリケ</t>
  </si>
  <si>
    <t>神奈川県大和市福田６－２－２ヴェルパーク桜ヶ丘１－１０１</t>
  </si>
  <si>
    <t>090-1268-5404</t>
  </si>
  <si>
    <t>ｹｰﾃｨｰｶｲﾀｲ ﾀｶﾞﾐ ｴﾝﾘｹ</t>
  </si>
  <si>
    <t>田上エンリケ</t>
  </si>
  <si>
    <t>十神　實重　益美</t>
  </si>
  <si>
    <t>226-0016</t>
  </si>
  <si>
    <t>神奈川県横浜市緑区霧が丘２－１８－５</t>
  </si>
  <si>
    <t>080-1355-8473</t>
  </si>
  <si>
    <t>ﾄｶﾐ ｻﾈｼｹﾞ ﾏｽﾐ</t>
  </si>
  <si>
    <t>實重益美</t>
  </si>
  <si>
    <t>（株）大和開発</t>
  </si>
  <si>
    <t>向井正之</t>
  </si>
  <si>
    <t>332-0026</t>
  </si>
  <si>
    <t>埼玉県川口市南町２－４－３５</t>
  </si>
  <si>
    <t>048-242-5795</t>
  </si>
  <si>
    <t>ﾀﾞｲﾜｶｲﾊﾂ</t>
  </si>
  <si>
    <t>ＭＫ興業（株）</t>
  </si>
  <si>
    <t>アルスランラムタリップ</t>
  </si>
  <si>
    <t>東京都稲城市矢野口７９４原田コーポ２０１</t>
  </si>
  <si>
    <t>080-7072-1443</t>
  </si>
  <si>
    <t>ｴﾑｹｰｺｳｷﾞｮｳ</t>
  </si>
  <si>
    <t>（株）インボイスクアッド</t>
  </si>
  <si>
    <t>昌本温子</t>
  </si>
  <si>
    <t>東京都大田区大森西１－１５－３</t>
  </si>
  <si>
    <t>03-4362-9103</t>
  </si>
  <si>
    <t>ｲﾝﾎﾞｲｽｸｱｯﾄﾞ</t>
  </si>
  <si>
    <t>昌本仁来</t>
  </si>
  <si>
    <t>（株）エフォート</t>
  </si>
  <si>
    <t>内田健一</t>
  </si>
  <si>
    <t>205-0015</t>
  </si>
  <si>
    <t>東京都羽村市羽中２－１０－１８</t>
  </si>
  <si>
    <t>070-7483-5089</t>
  </si>
  <si>
    <t>ｴﾌｫｰﾄ</t>
  </si>
  <si>
    <t>（株）ゼロステップ</t>
  </si>
  <si>
    <t>大竹章次</t>
  </si>
  <si>
    <t>241-0804</t>
  </si>
  <si>
    <t>神奈川県横浜市旭区川井宿町６２－１４</t>
  </si>
  <si>
    <t>070-6645-1203</t>
  </si>
  <si>
    <t>ｾﾞﾛｽﾃｯﾌﾟ</t>
  </si>
  <si>
    <t>（有）勝栄工業</t>
  </si>
  <si>
    <t>　大塚勝行</t>
  </si>
  <si>
    <t>243-0802</t>
  </si>
  <si>
    <t>神奈川県厚木市猿ケ島１５４－１</t>
  </si>
  <si>
    <t>046-245-0143</t>
  </si>
  <si>
    <t>ｼｮｳｴｲｺｳｷﾞｮｳ</t>
  </si>
  <si>
    <t>大塚勝行</t>
  </si>
  <si>
    <t>相州ホーム（株）</t>
  </si>
  <si>
    <t>　下野正和</t>
  </si>
  <si>
    <t>244-0843</t>
  </si>
  <si>
    <t>神奈川県横浜市栄区長尾台町１６９－１１</t>
  </si>
  <si>
    <t>045-859-0003</t>
  </si>
  <si>
    <t>ｿｳｼｭｳﾎｰﾑ</t>
  </si>
  <si>
    <t>下野正和</t>
  </si>
  <si>
    <t>総合解体ＤＴＳ　農内　了</t>
  </si>
  <si>
    <t>238-0025</t>
  </si>
  <si>
    <t>神奈川県横須賀市衣笠町８－５</t>
  </si>
  <si>
    <t>080-1047-3215</t>
  </si>
  <si>
    <t>ｿｳｺﾞｳｶｲﾀｲﾃﾞｨｰﾃｨｰｴｽ ﾉｵｳﾁ ﾘｮｳ</t>
  </si>
  <si>
    <t>農内了</t>
  </si>
  <si>
    <t>丸大商事（株）</t>
  </si>
  <si>
    <t>　千葉康治</t>
  </si>
  <si>
    <t>273-0003</t>
  </si>
  <si>
    <t>千葉県船橋市宮本１－２１－８</t>
  </si>
  <si>
    <t>090-4616-7926</t>
  </si>
  <si>
    <t>ﾏﾙﾀﾞｲｼｮｳｼﾞ</t>
  </si>
  <si>
    <t>千葉康治</t>
  </si>
  <si>
    <t>（株）ＡＬＰＨＡ</t>
  </si>
  <si>
    <t>ダルキリンチムスタファ</t>
  </si>
  <si>
    <t>121-0813</t>
  </si>
  <si>
    <t>東京都足立区竹の塚１－４０－１５庄栄ビル５階</t>
  </si>
  <si>
    <t>03-6869-2391</t>
  </si>
  <si>
    <t>ｱﾙﾌｧ</t>
  </si>
  <si>
    <t>西山貴洋</t>
  </si>
  <si>
    <t>ＯＳＨ（株）</t>
  </si>
  <si>
    <t>　植田満</t>
  </si>
  <si>
    <t>150-0001</t>
  </si>
  <si>
    <t>東京都渋谷区神宮前５－１８－７ＴＧ表参道</t>
  </si>
  <si>
    <t>03-6450-6553</t>
  </si>
  <si>
    <t>ｵｰｴｽｴｲﾁ</t>
  </si>
  <si>
    <t>小松弘朋</t>
  </si>
  <si>
    <t>（株）ガッツ</t>
  </si>
  <si>
    <t>グルテキンマホムット</t>
  </si>
  <si>
    <t>070-4158-4005</t>
  </si>
  <si>
    <t>ｶﾞｯﾂ</t>
  </si>
  <si>
    <t>吉川晋</t>
  </si>
  <si>
    <t>セゼル（株）</t>
  </si>
  <si>
    <t>セゼル・ヌリ</t>
  </si>
  <si>
    <t>埼玉県川口市芝４－２７－１８サニーレジデンス１０２号</t>
  </si>
  <si>
    <t>080-8818-2793</t>
  </si>
  <si>
    <t>ｾｾﾞﾙ</t>
  </si>
  <si>
    <t>イシュクオヌル</t>
  </si>
  <si>
    <t>埼玉県川口市芝中田２－７－１８</t>
  </si>
  <si>
    <t>080-7302-4602</t>
  </si>
  <si>
    <t>（株）ＡＭＥＤ</t>
  </si>
  <si>
    <t>フィダンスレイマン</t>
  </si>
  <si>
    <t>埼玉県さいたま市南区太田窪５－８－２０プチシャトー杉２０２</t>
  </si>
  <si>
    <t>080-4863-2721</t>
  </si>
  <si>
    <t>ｱﾒﾄﾞ</t>
  </si>
  <si>
    <t>ＨＡＮＥＤＩＺ</t>
  </si>
  <si>
    <t>（株）笹峯工業</t>
  </si>
  <si>
    <t>チフチエミン</t>
  </si>
  <si>
    <t>123-0873</t>
  </si>
  <si>
    <t>東京都足立区扇１－２４－１６－２０４号</t>
  </si>
  <si>
    <t>090-8414-6677</t>
  </si>
  <si>
    <t>ｻｻﾐﾈｺｳｷﾞｮｳ</t>
  </si>
  <si>
    <t>横地主税</t>
  </si>
  <si>
    <t>キリン産業（株）</t>
  </si>
  <si>
    <t>林田純子</t>
  </si>
  <si>
    <t>神奈川県相模原市南区麻溝台７０９－１</t>
  </si>
  <si>
    <t>042-719-0901</t>
  </si>
  <si>
    <t>ｷﾘﾝｻﾝｷﾞｮｳ</t>
  </si>
  <si>
    <t>王（ＷＡＮＧ）健（ＪＩＡＮ）</t>
  </si>
  <si>
    <t>（株）福田</t>
  </si>
  <si>
    <t>福田たける</t>
  </si>
  <si>
    <t>240-0041</t>
  </si>
  <si>
    <t>神奈川県横浜市保土ケ谷区東川島町５５－１５－３Ｆ</t>
  </si>
  <si>
    <t>045-489-4610</t>
  </si>
  <si>
    <t>ﾌｸﾀﾞ</t>
  </si>
  <si>
    <t>（株）Ｊａｗｓ　ｐｌａｎ</t>
  </si>
  <si>
    <t>　松本徹</t>
  </si>
  <si>
    <t>神奈川県横浜市港南区日野５－３０－８ＵＳテラスハウス１０２</t>
  </si>
  <si>
    <t>045-884-6248</t>
  </si>
  <si>
    <t>ｼﾞｮｳｽﾞﾌﾟﾗﾝ</t>
  </si>
  <si>
    <t>松本徹</t>
  </si>
  <si>
    <t>ナズル（株）</t>
  </si>
  <si>
    <t>　キズルフィレット</t>
  </si>
  <si>
    <t>埼玉県川口市柳崎３－１７－１４小川コーポ２０２号</t>
  </si>
  <si>
    <t>048-424-3448</t>
  </si>
  <si>
    <t>ﾅｽﾞﾙ</t>
  </si>
  <si>
    <t>鎌倉孝弘</t>
  </si>
  <si>
    <t>ＣＡＫＩＲ（株）</t>
  </si>
  <si>
    <t>ヲンラコンジュリーポン</t>
  </si>
  <si>
    <t>334-0052</t>
  </si>
  <si>
    <t>埼玉県川口市安行出羽１－４－４エクセル２０１号</t>
  </si>
  <si>
    <t>090-1216-5570</t>
  </si>
  <si>
    <t>ﾁｬｸﾗｰ</t>
  </si>
  <si>
    <t>（有）明和商事</t>
  </si>
  <si>
    <t>和田明生</t>
  </si>
  <si>
    <t>283-0033</t>
  </si>
  <si>
    <t>千葉県東金市宿６０４－１</t>
  </si>
  <si>
    <t>0475-58-6268</t>
  </si>
  <si>
    <t>ﾒｲﾜｼｮｳｼﾞ</t>
  </si>
  <si>
    <t>リトライ（同）</t>
  </si>
  <si>
    <t>大江拓郎</t>
  </si>
  <si>
    <t>120-0011</t>
  </si>
  <si>
    <t>東京都足立区中央本町１－１８－１４－６０９</t>
  </si>
  <si>
    <t>090-8840-1827</t>
  </si>
  <si>
    <t>ﾘﾄﾗｲ</t>
  </si>
  <si>
    <t>サンソニックテクノス（株）</t>
  </si>
  <si>
    <t>伊嶋政彦</t>
  </si>
  <si>
    <t>251-0024</t>
  </si>
  <si>
    <t>神奈川県藤沢市鵠沼橘１－３－８グレイシャスＫ３０３</t>
  </si>
  <si>
    <t>0466-54-8208</t>
  </si>
  <si>
    <t>ｻﾝｿﾆｯｸﾃｸﾉｽ</t>
  </si>
  <si>
    <t>（株）ＤＩＫＯ</t>
  </si>
  <si>
    <t>チカン・アリ</t>
  </si>
  <si>
    <t>埼玉県川口市柳崎２－２１－２０</t>
  </si>
  <si>
    <t>080-4479-4433</t>
  </si>
  <si>
    <t>ﾃﾞｨｰｺ</t>
  </si>
  <si>
    <t>（株）ＧＥＮＥＲＡＬ</t>
  </si>
  <si>
    <t>豊田大将</t>
  </si>
  <si>
    <t>150-0045</t>
  </si>
  <si>
    <t>東京都渋谷区神泉町１１－１１イーデンビル６Ｆ</t>
  </si>
  <si>
    <t>090-6940-4928</t>
  </si>
  <si>
    <t>ｼﾞｪﾈﾗﾙ</t>
  </si>
  <si>
    <t>隈川　大地</t>
  </si>
  <si>
    <t>242-0004</t>
  </si>
  <si>
    <t>神奈川県大和市鶴間２－１６－５あづさ荘南２０２</t>
  </si>
  <si>
    <t>080-5916-0721</t>
  </si>
  <si>
    <t>ｸﾏｶﾜ ﾀﾞｲﾁ</t>
  </si>
  <si>
    <t>佐々木慎ノ輔</t>
  </si>
  <si>
    <t>（株）ＳｅａＤｒａ</t>
  </si>
  <si>
    <t>日下部竜士</t>
  </si>
  <si>
    <t>252-0335</t>
  </si>
  <si>
    <t>神奈川県相模原市南区下溝２６９７－１５</t>
  </si>
  <si>
    <t>080-2387-7432</t>
  </si>
  <si>
    <t>ｼｰﾄﾞﾗ</t>
  </si>
  <si>
    <t>志村環境デザイン一級建築士事務所　志村　正之</t>
  </si>
  <si>
    <t>神奈川県横浜市瀬谷区下瀬谷２－３２－４</t>
  </si>
  <si>
    <t>045-301-5897</t>
  </si>
  <si>
    <t>ｼﾑﾗｶﾝｷｮｳﾃﾞｻﾞｲﾝｲｯｷｭｳｹﾝﾁｸｼｼﾞﾑｼｮ ｼﾑﾗ ﾏｻﾕｷ</t>
  </si>
  <si>
    <t>志村正之</t>
  </si>
  <si>
    <t>（株）ＢＡＲＡＮ　ｃｏｒｐｏｒａｔｉｏｎ</t>
  </si>
  <si>
    <t>佐藤亜衣紗</t>
  </si>
  <si>
    <t>343-0807</t>
  </si>
  <si>
    <t>埼玉県越谷市赤山町２－１６４パステルハイツ２０５</t>
  </si>
  <si>
    <t>048-945-5763</t>
  </si>
  <si>
    <t>ﾊﾞﾗﾝｺｰﾎﾟﾚｰｼｮﾝ</t>
  </si>
  <si>
    <t>クズイエルセルチュク</t>
  </si>
  <si>
    <t>（株）寛栄企画</t>
  </si>
  <si>
    <t>尾形寛行</t>
  </si>
  <si>
    <t>220-0063</t>
  </si>
  <si>
    <t>神奈川県横浜市西区元久保町９－７</t>
  </si>
  <si>
    <t>045-325-7945</t>
  </si>
  <si>
    <t>ｶﾝｴｲｷｶｸ</t>
  </si>
  <si>
    <t>舛田一行</t>
  </si>
  <si>
    <t>（株）田中工業</t>
  </si>
  <si>
    <t>田中エベルトン　セイジ</t>
  </si>
  <si>
    <t>神奈川県平塚市東真土４－１０－４５</t>
  </si>
  <si>
    <t>080-4204-2635</t>
  </si>
  <si>
    <t>ﾀﾅｶｺｳｷﾞｮｳ</t>
  </si>
  <si>
    <t>（株）岩井重機</t>
  </si>
  <si>
    <t>岩井秀之</t>
  </si>
  <si>
    <t>216-0023</t>
  </si>
  <si>
    <t>神奈川県川崎市宮前区けやき平１０－１－２０８</t>
  </si>
  <si>
    <t>044-982-9342</t>
  </si>
  <si>
    <t>ｲﾜｲｼﾞｭｳｷ</t>
  </si>
  <si>
    <t>（株）橋本総業</t>
  </si>
  <si>
    <t>橋本笙</t>
  </si>
  <si>
    <t>埼玉県川口市南鳩ケ谷２－８－１７矢作マンション１０４号</t>
  </si>
  <si>
    <t>070-6487-0094</t>
  </si>
  <si>
    <t>ﾊｼﾓﾄｿｳｷﾞｮｳ</t>
  </si>
  <si>
    <t>（株）ＢＯＲＡＮ</t>
  </si>
  <si>
    <t>チョーラクアシイエ</t>
  </si>
  <si>
    <t>埼玉県川口市大字道合２８７－７</t>
  </si>
  <si>
    <t>080-9397-7562</t>
  </si>
  <si>
    <t>ﾎﾞﾗﾝ</t>
  </si>
  <si>
    <t>大久保啓治</t>
  </si>
  <si>
    <t>（株）Ａｆｆｅｃｔ　Ｒｉｓｅ</t>
  </si>
  <si>
    <t>笹﨑裕之</t>
  </si>
  <si>
    <t>東京都新宿区新宿１－１８－１３</t>
  </si>
  <si>
    <t>03-5312-7388</t>
  </si>
  <si>
    <t>ｱﾌｪｸﾄﾗｲｽﾞ</t>
  </si>
  <si>
    <t>望月遼馬</t>
  </si>
  <si>
    <t>シュタイン（同）</t>
  </si>
  <si>
    <t>石田美穂</t>
  </si>
  <si>
    <t>343-0042</t>
  </si>
  <si>
    <t>埼玉県越谷市千間台東１－８－２０ユニオンビル４０１</t>
  </si>
  <si>
    <t>048-940-7339</t>
  </si>
  <si>
    <t>ｼｭﾀｲﾝ</t>
  </si>
  <si>
    <t>石田幸生</t>
  </si>
  <si>
    <t>（株）倉茂興業</t>
  </si>
  <si>
    <t>倉茂一貴</t>
  </si>
  <si>
    <t>347-0012</t>
  </si>
  <si>
    <t>埼玉県加須市多門寺４８２－１３</t>
  </si>
  <si>
    <t>080-6871-8471</t>
  </si>
  <si>
    <t>ｸﾗｼｹﾞｺｳｷﾞｮｳ</t>
  </si>
  <si>
    <t>（株）ゼンエイ</t>
  </si>
  <si>
    <t>野村竜司</t>
  </si>
  <si>
    <t>190-0182</t>
  </si>
  <si>
    <t>東京都西多摩郡日の出町大字平井２５０８－６</t>
  </si>
  <si>
    <t>042-588-5080</t>
  </si>
  <si>
    <t>ｾﾞﾝｴｲ</t>
  </si>
  <si>
    <t>Ｙ建設　山口　裕季</t>
  </si>
  <si>
    <t>神奈川県厚木市下荻野１３２２－７</t>
  </si>
  <si>
    <t>080-1253-4670</t>
  </si>
  <si>
    <t>ﾜｲｹﾝｾﾂ ﾔﾏｸﾞﾁ ﾕｳｷ</t>
  </si>
  <si>
    <t>山口裕季</t>
  </si>
  <si>
    <t>ＳＡＮＤＬＡＮＤＳ（同）</t>
  </si>
  <si>
    <t>市川賢治</t>
  </si>
  <si>
    <t>東京都江戸川区東葛西６－３６－１４カーロヴィレッタⅡ１０２</t>
  </si>
  <si>
    <t>03-3877-0744</t>
  </si>
  <si>
    <t>ｻﾝﾄﾞﾗﾝｽﾞ</t>
  </si>
  <si>
    <t>（株）Ｒ．Ｓきょうだい</t>
  </si>
  <si>
    <t>ベスタスレジェップ</t>
  </si>
  <si>
    <t>埼玉県川口市大字東内野３９９－６</t>
  </si>
  <si>
    <t>070-8472-2757</t>
  </si>
  <si>
    <t>ｱｰﾙｴｽｷｮｳﾀﾞｲ</t>
  </si>
  <si>
    <t>オズカンブルハン</t>
  </si>
  <si>
    <t>（有）田口共栄工業</t>
  </si>
  <si>
    <t>田口晋</t>
  </si>
  <si>
    <t>224-0006</t>
  </si>
  <si>
    <t>神奈川県横浜市都筑区荏田東２－１３－１８</t>
  </si>
  <si>
    <t>045-507-8820</t>
  </si>
  <si>
    <t>ﾀｸﾞﾁｷｮｳｴｲｺｳｷﾞｮｳ</t>
  </si>
  <si>
    <t>石橋商事　石橋克明</t>
  </si>
  <si>
    <t>神奈川県厚木市飯山南４－２４－３</t>
  </si>
  <si>
    <t>046-242-0960</t>
  </si>
  <si>
    <t>ｲｼﾊﾞｼｼｮｳｼﾞ ｲｼﾊﾞｼｶﾂｱｷ</t>
  </si>
  <si>
    <t>石橋克明</t>
  </si>
  <si>
    <t>（株）ＹＥＢＩＳＵ興業</t>
  </si>
  <si>
    <t>グズアグ・ムスタファ</t>
  </si>
  <si>
    <t>埼玉県川口市東川口４－２９－３９ラデヴィーナ東川口１０５</t>
  </si>
  <si>
    <t>090-3528-3443</t>
  </si>
  <si>
    <t>ｴﾋﾞｽｺｳｷﾞｮｳ</t>
  </si>
  <si>
    <t>アバスグラム</t>
  </si>
  <si>
    <t>（同）京浜防災建設</t>
  </si>
  <si>
    <t>松浦一世</t>
  </si>
  <si>
    <t>220-8120</t>
  </si>
  <si>
    <t>神奈川県横浜市西区みなとみらい２－２－１横浜ランドマークタワー２０Ｆ</t>
  </si>
  <si>
    <t>045-277-3839</t>
  </si>
  <si>
    <t>ｹｲﾋﾝﾎﾞｳｻｲｹﾝｾﾂ</t>
  </si>
  <si>
    <t>ＭＡＮＤ（株）</t>
  </si>
  <si>
    <t>バタモンフ・ビビシ</t>
  </si>
  <si>
    <t>120-0014</t>
  </si>
  <si>
    <t>東京都足立区西綾瀬２－２０－１１エスペランサ１階</t>
  </si>
  <si>
    <t>090-6303-6920</t>
  </si>
  <si>
    <t>ﾏﾝﾀﾞ</t>
  </si>
  <si>
    <t>齋藤匠真</t>
  </si>
  <si>
    <t>（株）リプロ</t>
  </si>
  <si>
    <t>　井内豊吉</t>
  </si>
  <si>
    <t>神奈川県厚木市みはる野１－１４－５</t>
  </si>
  <si>
    <t>080-3433-9509</t>
  </si>
  <si>
    <t>ﾘﾌﾟﾛ</t>
  </si>
  <si>
    <t>ＡＮＴＵＮＥＳＫＯＩＤＥ　ＲＥＮＡ</t>
  </si>
  <si>
    <t>（株）ロマックス</t>
  </si>
  <si>
    <t>武田博飛</t>
  </si>
  <si>
    <t>210-0006</t>
  </si>
  <si>
    <t>神奈川県川崎市川崎区砂子２－１－１２ＴＣ第１９ビル</t>
  </si>
  <si>
    <t>044-201-6595</t>
  </si>
  <si>
    <t>ﾛﾏｯｸｽ</t>
  </si>
  <si>
    <t>（株）ウッドアップ</t>
  </si>
  <si>
    <t>シャラポワマリア</t>
  </si>
  <si>
    <t>241-0013</t>
  </si>
  <si>
    <t>神奈川県横浜市旭区三反田町字長谷戸８６－１</t>
  </si>
  <si>
    <t>045-459-5179</t>
  </si>
  <si>
    <t>ｳｯﾄﾞｱｯﾌﾟ</t>
  </si>
  <si>
    <t>エレンオザルプ</t>
  </si>
  <si>
    <t>甲斐興業</t>
  </si>
  <si>
    <t>214-0021</t>
  </si>
  <si>
    <t>神奈川県川崎市多摩区宿河原６－３－２０フローラルグリーン小林１０５号室</t>
  </si>
  <si>
    <t>080-6628-1415</t>
  </si>
  <si>
    <t>ｶｲｺｳｷﾞｮｳ</t>
  </si>
  <si>
    <t>甲斐桐悟</t>
  </si>
  <si>
    <t>（株）ＦＡＶＯＲＩ</t>
  </si>
  <si>
    <t>田中幸男</t>
  </si>
  <si>
    <t>238-0023</t>
  </si>
  <si>
    <t>神奈川県横須賀市森崎６－３－１１</t>
  </si>
  <si>
    <t>046-835-0574</t>
  </si>
  <si>
    <t>ﾌｧﾎﾞﾘ</t>
  </si>
  <si>
    <t>日高清一郎</t>
  </si>
  <si>
    <t>（株）志永</t>
  </si>
  <si>
    <t>シハー・アラリスシナガ</t>
  </si>
  <si>
    <t>神奈川県藤沢市大庭５１２３－４</t>
  </si>
  <si>
    <t>080-1240-8699</t>
  </si>
  <si>
    <t>ｼﾅｶﾞ</t>
  </si>
  <si>
    <t>（株）ファイター</t>
  </si>
  <si>
    <t>ユージェルメイレム</t>
  </si>
  <si>
    <t>335-0004</t>
  </si>
  <si>
    <t>埼玉県蕨市中央５－１３－１７</t>
  </si>
  <si>
    <t>080-4770-2999</t>
  </si>
  <si>
    <t>ﾌｧｲﾀｰ</t>
  </si>
  <si>
    <t>（株）ギュル建設</t>
  </si>
  <si>
    <t>ギュルレスル</t>
  </si>
  <si>
    <t>埼玉県川口市柳崎５－１９－６ファミーユ３０２</t>
  </si>
  <si>
    <t>048-212-0550</t>
  </si>
  <si>
    <t>ｷﾞｭﾙｹﾝｾﾂ</t>
  </si>
  <si>
    <t>（株）ＥＳＥＮＣＩＡ</t>
  </si>
  <si>
    <t>北川修平</t>
  </si>
  <si>
    <t>210-0804</t>
  </si>
  <si>
    <t>神奈川県川崎市川崎区藤崎４－７－１１－５０２号ＹＡＭＡＩＣＨＩ・ＬＩＶＩＮＧ</t>
  </si>
  <si>
    <t>080-3520-5577</t>
  </si>
  <si>
    <t>ｴｾﾝｼｱ</t>
  </si>
  <si>
    <t>植松工業　植松　亮</t>
  </si>
  <si>
    <t>418-0111</t>
  </si>
  <si>
    <t>静岡県富士宮市山宮８９３　</t>
  </si>
  <si>
    <t>0544-58-3554</t>
  </si>
  <si>
    <t>ｳｴﾏﾂｺｳｷﾞｮｳ ｳｴﾏﾂ ｱｷﾗ</t>
  </si>
  <si>
    <t>植松亮</t>
  </si>
  <si>
    <t>Ｍ．Ｍ建設（株）</t>
  </si>
  <si>
    <t>松本昌彦</t>
  </si>
  <si>
    <t>神奈川県横浜市港南区下永谷２－２７－４－５２１　</t>
  </si>
  <si>
    <t>080-4367-0722</t>
  </si>
  <si>
    <t>ｴﾑｴﾑｹﾝｾﾂ</t>
  </si>
  <si>
    <t>（株）ハルキ産業</t>
  </si>
  <si>
    <t>亀井春樹</t>
  </si>
  <si>
    <t>神奈川県藤沢市善行坂１－７－５－３０４　</t>
  </si>
  <si>
    <t>080-4171-6099</t>
  </si>
  <si>
    <t>ﾊﾙｷｻﾝｷﾞｮｳ</t>
  </si>
  <si>
    <t>（株）雪代興業</t>
  </si>
  <si>
    <t>齋藤興仁</t>
  </si>
  <si>
    <t>144-0045</t>
  </si>
  <si>
    <t>東京都大田区南六郷２－２－４－１Ｆ　</t>
  </si>
  <si>
    <t>03-3768-8409</t>
  </si>
  <si>
    <t>ﾕｷｼﾛｺｳｷﾞｮｳ</t>
  </si>
  <si>
    <t>（株）Ｔｒａｖｉｓ</t>
  </si>
  <si>
    <t>深野将来</t>
  </si>
  <si>
    <t>241-0806</t>
  </si>
  <si>
    <t>神奈川県横浜市旭区下川井町１－２６</t>
  </si>
  <si>
    <t>080-2261-7273</t>
  </si>
  <si>
    <t>ﾄﾗﾋﾞｽ</t>
  </si>
  <si>
    <t>（株）Ｒ．Ｓ</t>
  </si>
  <si>
    <t>　バリバイサルマン</t>
  </si>
  <si>
    <t>埼玉県川口市大字安行領根岸１８２６－８</t>
  </si>
  <si>
    <t>090-4027-0818</t>
  </si>
  <si>
    <t>ｱｰﾙｴｽ</t>
  </si>
  <si>
    <t>バリバイサルマン</t>
  </si>
  <si>
    <t>　カラリフィリズ</t>
  </si>
  <si>
    <t>埼玉県川口市戸塚東２－２６－３５</t>
  </si>
  <si>
    <t>070-4021-4828</t>
  </si>
  <si>
    <t>佐久間利彦</t>
  </si>
  <si>
    <t>（株）ワラット</t>
  </si>
  <si>
    <t>バリバイワラット</t>
  </si>
  <si>
    <t>048-287-9985</t>
  </si>
  <si>
    <t>ﾜﾗｯﾄ</t>
  </si>
  <si>
    <t>（株）みなみ</t>
  </si>
  <si>
    <t>川越由利香</t>
  </si>
  <si>
    <t>232-0043</t>
  </si>
  <si>
    <t>神奈川県横浜市南区蒔田町字会下９３１－１－２階</t>
  </si>
  <si>
    <t>080-4886-4572</t>
  </si>
  <si>
    <t>ﾐﾅﾐ</t>
  </si>
  <si>
    <t>ＸＹ（株）</t>
  </si>
  <si>
    <t>車金錫</t>
  </si>
  <si>
    <t>231-0055</t>
  </si>
  <si>
    <t>神奈川県横浜市中区末吉町４－８９－２</t>
  </si>
  <si>
    <t>045-260-5376</t>
  </si>
  <si>
    <t>ｴｯｸｽﾜｲ</t>
  </si>
  <si>
    <t>イーエルシー（同）</t>
  </si>
  <si>
    <t>園田秋彦</t>
  </si>
  <si>
    <t>350-1123</t>
  </si>
  <si>
    <t>埼玉県川越市脇田本町１４－２９</t>
  </si>
  <si>
    <t>049-238-4455</t>
  </si>
  <si>
    <t>ｲｰｴﾙｼｰ</t>
  </si>
  <si>
    <t>山本賢</t>
  </si>
  <si>
    <t>湘南企画（株）</t>
  </si>
  <si>
    <t>武藤翔介</t>
  </si>
  <si>
    <t>252-0303</t>
  </si>
  <si>
    <t>神奈川県相模原市南区相模大野７－１８－３－２０８</t>
  </si>
  <si>
    <t>042-705-5567</t>
  </si>
  <si>
    <t>ｼｮｳﾅﾝｷｶｸ</t>
  </si>
  <si>
    <t>山中ドグレス</t>
  </si>
  <si>
    <t>（株）コンフィアンス</t>
  </si>
  <si>
    <t>長尾和誉</t>
  </si>
  <si>
    <t>210-0001</t>
  </si>
  <si>
    <t>神奈川県川崎市川崎区本町１－８－２８</t>
  </si>
  <si>
    <t>044-244-9247</t>
  </si>
  <si>
    <t>ｺﾝﾌｨｱﾝｽ</t>
  </si>
  <si>
    <t>天野雅仁</t>
  </si>
  <si>
    <t>（株）鶴原</t>
  </si>
  <si>
    <t>　北沢春瑞</t>
  </si>
  <si>
    <t>神奈川県横浜市旭区下川井町２５４－７</t>
  </si>
  <si>
    <t>045-883-0853</t>
  </si>
  <si>
    <t>ﾂﾙﾊﾗ</t>
  </si>
  <si>
    <t>圓山十造</t>
  </si>
  <si>
    <t>（株）ＮＥＸＵＳ</t>
  </si>
  <si>
    <t>チャタルひかり</t>
  </si>
  <si>
    <t>神奈川県横浜市瀬谷区阿久和南２－２２－４</t>
  </si>
  <si>
    <t>080-1096-4850</t>
  </si>
  <si>
    <t>ﾈｸｻｽ</t>
  </si>
  <si>
    <t>チャタルベイトラ</t>
  </si>
  <si>
    <t>（株）ディヤル</t>
  </si>
  <si>
    <t>チカンディヤル</t>
  </si>
  <si>
    <t>埼玉県川口市柳崎４－２５－４</t>
  </si>
  <si>
    <t>048-203-9642</t>
  </si>
  <si>
    <t>ﾃﾞｨﾔﾙ</t>
  </si>
  <si>
    <t>諸見智</t>
  </si>
  <si>
    <t>（株）Ｒｓ</t>
  </si>
  <si>
    <t>齋龍太</t>
  </si>
  <si>
    <t>357-0127</t>
  </si>
  <si>
    <t>埼玉県飯能市唐竹８１－２</t>
  </si>
  <si>
    <t>080-7215-2610</t>
  </si>
  <si>
    <t>ｱｰﾙｽﾞ</t>
  </si>
  <si>
    <t>（株）＊（金３つ）海工業</t>
  </si>
  <si>
    <t>副島海彦</t>
  </si>
  <si>
    <t>340-0003</t>
  </si>
  <si>
    <t>埼玉県草加市稲荷２－２８－１２</t>
  </si>
  <si>
    <t>080-4069-0117</t>
  </si>
  <si>
    <t>ｼﾝｶｲｺｳｷﾞｮｳ</t>
  </si>
  <si>
    <t>（株）新和商会</t>
  </si>
  <si>
    <t>勝又健次</t>
  </si>
  <si>
    <t>神奈川県横浜市戸塚区舞岡町２９６９－１</t>
  </si>
  <si>
    <t>045-822-2104</t>
  </si>
  <si>
    <t>ｼﾝﾜｼｮｳｶｲ</t>
  </si>
  <si>
    <t>東輪（株）</t>
  </si>
  <si>
    <t>赤塚佳圓</t>
  </si>
  <si>
    <t>神奈川県横浜市南区宿町１－２２ボンドワール蒔田２－Ａ</t>
  </si>
  <si>
    <t>045-872-0118</t>
  </si>
  <si>
    <t>ﾄｳﾘﾝ</t>
  </si>
  <si>
    <t>アリビクロアッバス</t>
  </si>
  <si>
    <t>（株）宏興業</t>
  </si>
  <si>
    <t>齊藤宏</t>
  </si>
  <si>
    <t>神奈川県横浜市戸塚区原宿２－２２－１５－１０１</t>
  </si>
  <si>
    <t>045-844-1131</t>
  </si>
  <si>
    <t>ﾋﾛｺｳｷﾞｮｳ</t>
  </si>
  <si>
    <t>ＮＡＲＡ（株）</t>
  </si>
  <si>
    <t>ゼンギンベキル</t>
  </si>
  <si>
    <t>080-7101-1020</t>
  </si>
  <si>
    <t>ﾅﾗ</t>
  </si>
  <si>
    <t>小宮雄</t>
  </si>
  <si>
    <t>（株）日進</t>
  </si>
  <si>
    <t>田中佳</t>
  </si>
  <si>
    <t>262-0005</t>
  </si>
  <si>
    <t>千葉県千葉市花見川区こてはし台３－１５－１０</t>
  </si>
  <si>
    <t>043-305-5550</t>
  </si>
  <si>
    <t>ﾆｯｼﾝ</t>
  </si>
  <si>
    <t>朱春佳</t>
  </si>
  <si>
    <t>優新</t>
  </si>
  <si>
    <t>神奈川県厚木市上荻野３７０９－１</t>
  </si>
  <si>
    <t>046-242-0701</t>
  </si>
  <si>
    <t>ﾕｳｼﾝ</t>
  </si>
  <si>
    <t>髙瀬潤</t>
  </si>
  <si>
    <t>新栄通商（株）</t>
  </si>
  <si>
    <t>衣永剛</t>
  </si>
  <si>
    <t>神奈川県藤沢市用田６８２－１</t>
  </si>
  <si>
    <t>0466-52-8113</t>
  </si>
  <si>
    <t>ｼﾝｴｲﾂｳｼｮｳ</t>
  </si>
  <si>
    <t>柳澤一政</t>
  </si>
  <si>
    <t>（株）サンメーク</t>
  </si>
  <si>
    <t>星大介</t>
  </si>
  <si>
    <t>135-0007</t>
  </si>
  <si>
    <t>東京都江東区新大橋３－１３－５ＣａｓａＰｏｎｔｅ３０１</t>
  </si>
  <si>
    <t>03-6659-9813</t>
  </si>
  <si>
    <t>ｻﾝﾒｰｸ</t>
  </si>
  <si>
    <t>（株）ハナコーポレーション</t>
  </si>
  <si>
    <t>桑原純子</t>
  </si>
  <si>
    <t>220-0023</t>
  </si>
  <si>
    <t>神奈川県横浜市西区平沼１－４０－１嶋森ビル８階</t>
  </si>
  <si>
    <t>090-3553-5982</t>
  </si>
  <si>
    <t>ﾊﾅｺｰﾎﾟﾚｰｼｮﾝ</t>
  </si>
  <si>
    <t>（株）鉄興</t>
  </si>
  <si>
    <t>小松鉄男</t>
  </si>
  <si>
    <t>神奈川県横須賀市長井３－２８－４</t>
  </si>
  <si>
    <t>046-897-6127</t>
  </si>
  <si>
    <t>ﾃｯｺｳ</t>
  </si>
  <si>
    <t>（有）モモエンタープライズ</t>
  </si>
  <si>
    <t>牛山昇</t>
  </si>
  <si>
    <t>神奈川県大和市西鶴間６－１－１９</t>
  </si>
  <si>
    <t>046-275-6064</t>
  </si>
  <si>
    <t>ﾓﾓｴﾝﾀｰﾌﾟﾗｲｽﾞ</t>
  </si>
  <si>
    <t>嘉禾（株）</t>
  </si>
  <si>
    <t>和鑫</t>
    <phoneticPr fontId="2"/>
  </si>
  <si>
    <t>171-0014</t>
  </si>
  <si>
    <t>東京都豊島区池袋２－６８－１０</t>
  </si>
  <si>
    <t>090-3696-7772</t>
  </si>
  <si>
    <t>ｶｶ</t>
  </si>
  <si>
    <t>孫凱</t>
  </si>
  <si>
    <t>カラ（株）</t>
  </si>
  <si>
    <t>カラムスタファ</t>
  </si>
  <si>
    <t>343-0833</t>
  </si>
  <si>
    <t>埼玉県越谷市蒲生南町１０－２３パークサイド南町２０１号室</t>
  </si>
  <si>
    <t>080-9500-7905</t>
  </si>
  <si>
    <t>ｶﾗ</t>
  </si>
  <si>
    <t>髙村佐知子</t>
  </si>
  <si>
    <t>（有）神野商店</t>
  </si>
  <si>
    <t>神野信彦</t>
  </si>
  <si>
    <t>193-0844</t>
  </si>
  <si>
    <t>東京都八王子市高尾町１８４８</t>
  </si>
  <si>
    <t>042-775-5003</t>
  </si>
  <si>
    <t>ｶﾝﾉｼｮｳﾃﾝ</t>
  </si>
  <si>
    <t>木島組　木島伸悟</t>
  </si>
  <si>
    <t>179-0085</t>
  </si>
  <si>
    <t>東京都練馬区早宮１－２１－１－３０５</t>
  </si>
  <si>
    <t>03-4334-6831</t>
  </si>
  <si>
    <t>ｷｼﾞﾏｸﾞﾐ ｷｼﾞﾏｼﾝｺﾞ</t>
  </si>
  <si>
    <t>木島伸悟</t>
  </si>
  <si>
    <t>（株）幸多商事</t>
  </si>
  <si>
    <t>澤村千代</t>
  </si>
  <si>
    <t>神奈川県藤沢市長後１４１８－１</t>
  </si>
  <si>
    <t>080-7814-1163</t>
  </si>
  <si>
    <t>ｺﾀｼｮｳｼﾞ</t>
  </si>
  <si>
    <t>澤村純之介</t>
  </si>
  <si>
    <t>（同）ＳＴＲＹＰＥＳ</t>
  </si>
  <si>
    <t>澤村智子</t>
  </si>
  <si>
    <t>214-0033</t>
  </si>
  <si>
    <t>神奈川県川崎市多摩区東三田３－１０－２－７３０</t>
  </si>
  <si>
    <t>044-701-2343</t>
  </si>
  <si>
    <t>ｽﾄﾗｲﾌﾟｽ</t>
  </si>
  <si>
    <t>澤村廣幸</t>
  </si>
  <si>
    <t>（株）達建</t>
  </si>
  <si>
    <t>篠原達郎</t>
  </si>
  <si>
    <t>250-0861</t>
  </si>
  <si>
    <t>神奈川県小田原市桑原５１０－１６</t>
  </si>
  <si>
    <t>046-587-6604</t>
  </si>
  <si>
    <t>ﾀﾂｹﾝ</t>
  </si>
  <si>
    <t>髙橋産業（株）</t>
  </si>
  <si>
    <t>髙橋成育</t>
  </si>
  <si>
    <t>神奈川県相模原市中央区田名８３００番地</t>
  </si>
  <si>
    <t>042-761-6547</t>
  </si>
  <si>
    <t>ﾀｶﾊｼｻﾝｷﾞｮｳ</t>
  </si>
  <si>
    <t>蓮組　清水　蓮</t>
  </si>
  <si>
    <t>神奈川県海老名市大谷南５－１６－６</t>
  </si>
  <si>
    <t>080-6250-7133</t>
  </si>
  <si>
    <t>ﾊｽｸﾞﾐ ｼﾐｽﾞﾚﾝ</t>
  </si>
  <si>
    <t>清水蓮</t>
  </si>
  <si>
    <t>高橋商店　高橋　伸治</t>
  </si>
  <si>
    <t>神奈川県相模原市中央区田名５３９３</t>
  </si>
  <si>
    <t>042-761-0113</t>
  </si>
  <si>
    <t>ﾀｶﾊｼｼｮｳﾃﾝ ﾀｶﾊｼｼﾝｼﾞ</t>
  </si>
  <si>
    <t>高橋伸治</t>
  </si>
  <si>
    <t>（株）ハヤサカ</t>
  </si>
  <si>
    <t>早坂誠也</t>
  </si>
  <si>
    <t>東京都大田区西蒲田５－２７－５　１階</t>
  </si>
  <si>
    <t>03-6316-6527</t>
  </si>
  <si>
    <t>ﾊﾔｻｶ</t>
  </si>
  <si>
    <t>かけや総業（株）</t>
  </si>
  <si>
    <t>柴田肇</t>
  </si>
  <si>
    <t>東京都板橋区板橋２－１８－４－４０２号</t>
  </si>
  <si>
    <t>050-1808-4264</t>
  </si>
  <si>
    <t>ｶｹﾔｿｳｷﾞｮｳ</t>
  </si>
  <si>
    <t>堀口学</t>
  </si>
  <si>
    <t>（株）ＣＡＮ興業</t>
  </si>
  <si>
    <t>イルマズ・オースマン</t>
  </si>
  <si>
    <t>埼玉県さいたま市南区大字大谷口２３８１－５サンハウス東浦和１０５</t>
  </si>
  <si>
    <t>070-4496-2760</t>
  </si>
  <si>
    <t>塚越行宣</t>
  </si>
  <si>
    <t>（株）ＮｅｘｔＦｌｏｏｒ</t>
  </si>
  <si>
    <t>池田裕樹</t>
  </si>
  <si>
    <t>埼玉県八潮市大字大瀬１４８２</t>
  </si>
  <si>
    <t>048-954-9654</t>
  </si>
  <si>
    <t>ﾈｸｽﾄﾌﾛｱｰ</t>
  </si>
  <si>
    <t>池田祐樹</t>
  </si>
  <si>
    <t>（株）ＭＧＬ</t>
  </si>
  <si>
    <t>ツェンドモンフエルデネ</t>
  </si>
  <si>
    <t>東京都渋谷区神宮前３－２５－６</t>
  </si>
  <si>
    <t>03-6883-4624</t>
  </si>
  <si>
    <t>ｴﾑｼﾞｰｴﾙ</t>
  </si>
  <si>
    <t>（株）ＲＯＪＢＩＮ</t>
  </si>
  <si>
    <t>チカン・アッバス</t>
  </si>
  <si>
    <t>埼玉県川口市戸塚東４－２６－２４リノヴァーレ２０４</t>
  </si>
  <si>
    <t>070-3123-1493</t>
  </si>
  <si>
    <t>ﾛｼﾞﾋﾞﾝ</t>
  </si>
  <si>
    <t>デイビス管理（同）</t>
  </si>
  <si>
    <t>ベニテス・アスマ・エレガル・クラングエル</t>
  </si>
  <si>
    <t>神奈川県藤沢市石川３９５６－２</t>
  </si>
  <si>
    <t>0466-66-9686</t>
  </si>
  <si>
    <t>ﾃﾞｲﾋﾞｽｶﾝﾘ</t>
  </si>
  <si>
    <t>髙橋組ＦＯＲ　ＴＨＥ　ＦＵＴＵＲＥ</t>
  </si>
  <si>
    <t>神奈川県藤沢市葛原１４０番地１５号</t>
  </si>
  <si>
    <t>0466-48-0736</t>
  </si>
  <si>
    <t>ﾀｶﾊｼｸﾞﾐﾌｫｰｻﾞﾌｭｰﾁｬｰ</t>
  </si>
  <si>
    <t>髙橋勝雄</t>
  </si>
  <si>
    <t>ＫＳ　ＣＯＭＰＡＮＹ　岸波　詩渉</t>
  </si>
  <si>
    <t>412-0014</t>
  </si>
  <si>
    <t>静岡県御殿場市大堰２２８－８</t>
  </si>
  <si>
    <t>0550-71-9379</t>
  </si>
  <si>
    <t>ｹｰｴｽｶﾝﾊﾟﾆｰ</t>
  </si>
  <si>
    <t>岸波慎二</t>
  </si>
  <si>
    <t>（株）ＮＩＮＥ</t>
  </si>
  <si>
    <t>小室千尋</t>
  </si>
  <si>
    <t>03-5875-6870</t>
  </si>
  <si>
    <t>ﾅｲﾝ</t>
  </si>
  <si>
    <t>（株）明</t>
  </si>
  <si>
    <t>　佐藤明浩</t>
  </si>
  <si>
    <t>神奈川県相模原市緑区西橋本５－２－１２－２８０１</t>
  </si>
  <si>
    <t>070-4211-5716</t>
  </si>
  <si>
    <t>ｱｶ</t>
  </si>
  <si>
    <t>佐藤明浩</t>
  </si>
  <si>
    <t>　森田継鋒</t>
  </si>
  <si>
    <t>神奈川県綾瀬市早川城山４－１－３１</t>
  </si>
  <si>
    <t>080-9409-6678</t>
  </si>
  <si>
    <t>森田継鋒</t>
  </si>
  <si>
    <t>（株）Ｊ．Ｉ　ｄｅｖｅｌｏｐｅｒ</t>
  </si>
  <si>
    <t>嶋﨑大輔</t>
  </si>
  <si>
    <t>220-0012</t>
  </si>
  <si>
    <t>神奈川県横浜市西区みなとみらい３－３－１ＫＤＸ横浜みなとみらいタワー</t>
  </si>
  <si>
    <t>045-308-7485</t>
  </si>
  <si>
    <t>ｼﾞｪｲｱｲﾃﾞﾍﾞﾛｯﾊﾟｰ</t>
  </si>
  <si>
    <t>宮﨑将</t>
  </si>
  <si>
    <t>大西　健太</t>
  </si>
  <si>
    <t>243-0413</t>
  </si>
  <si>
    <t>神奈川県海老名市国分寺台５－１６－７－２</t>
  </si>
  <si>
    <t>080-8105-9733</t>
  </si>
  <si>
    <t>ｵｵﾆｼ ｹﾝﾀ</t>
  </si>
  <si>
    <t>大西健太</t>
  </si>
  <si>
    <t>（株）ＹＢＭ</t>
  </si>
  <si>
    <t>五日市光</t>
  </si>
  <si>
    <t>210-0834</t>
  </si>
  <si>
    <t>神奈川県川崎市川崎区大島２－２－１岩本ビル２０１</t>
  </si>
  <si>
    <t>070-8526-4842</t>
  </si>
  <si>
    <t>ﾜｲﾋﾞｰｴﾑ</t>
  </si>
  <si>
    <t>（株）Ｒｅｎａｓ</t>
  </si>
  <si>
    <t>ユルドゥルムエルハン</t>
  </si>
  <si>
    <t>埼玉県川口市大字道合２８７番</t>
  </si>
  <si>
    <t>080-7248-0915</t>
  </si>
  <si>
    <t>ﾚﾅｽ</t>
  </si>
  <si>
    <t>松﨑宗之</t>
  </si>
  <si>
    <t>（株）新洗組</t>
  </si>
  <si>
    <t>尾形貴紀</t>
  </si>
  <si>
    <t>182-0035</t>
  </si>
  <si>
    <t>東京都調布市上石原１－３６－３</t>
  </si>
  <si>
    <t>042-499-6733</t>
  </si>
  <si>
    <t>ｼﾝｾﾝｸﾞﾐ</t>
  </si>
  <si>
    <t>髙木堅治</t>
  </si>
  <si>
    <t>（同）誠翔工業</t>
  </si>
  <si>
    <t>柿沼貴俊</t>
  </si>
  <si>
    <t>190-0022</t>
  </si>
  <si>
    <t>東京都立川市錦町６－４－１０－２０１</t>
  </si>
  <si>
    <t>042-511-3413</t>
  </si>
  <si>
    <t>ｾｲｼｮｳｺｳｷﾞｮｳ</t>
  </si>
  <si>
    <t>ＨＯＴＡ（株）</t>
  </si>
  <si>
    <t>ダン・ティ・タオ</t>
  </si>
  <si>
    <t>192-0156</t>
  </si>
  <si>
    <t>東京都八王子市上恩方町１６８</t>
  </si>
  <si>
    <t>070-9357-8112</t>
  </si>
  <si>
    <t>ﾎﾀ</t>
  </si>
  <si>
    <t>ダン・バン・ホアット</t>
  </si>
  <si>
    <t>（株）Ｌｅｇａｒｅ</t>
  </si>
  <si>
    <t>小澤知広</t>
  </si>
  <si>
    <t>277-0005</t>
  </si>
  <si>
    <t>千葉県柏市柏４－４－１６ロイヤルビル３Ｆ</t>
  </si>
  <si>
    <t>04-7157-4527</t>
  </si>
  <si>
    <t>ﾚｶﾞｰﾚ</t>
  </si>
  <si>
    <t>ＮＡＲ（株）</t>
  </si>
  <si>
    <t>ツェレンツェレン</t>
  </si>
  <si>
    <t>210-0812</t>
  </si>
  <si>
    <t>神奈川県川崎市川崎区東門前３－１－２０マツモトビル２０２</t>
  </si>
  <si>
    <t>044-201-1098</t>
  </si>
  <si>
    <t>ｴﾇｴｰｱｰﾙ</t>
  </si>
  <si>
    <t>ワンズビー（同）</t>
  </si>
  <si>
    <t>佐相敬晃</t>
  </si>
  <si>
    <t>東京都練馬区大泉学園町６－１５－３２パレグリシーヌ１０３</t>
  </si>
  <si>
    <t>090-8002-2700</t>
  </si>
  <si>
    <t>ﾜﾝｽﾞﾋﾞｰ</t>
  </si>
  <si>
    <t>（株）ＹＭＴ</t>
  </si>
  <si>
    <t>鈴木悦代</t>
  </si>
  <si>
    <t>359-0011</t>
  </si>
  <si>
    <t>埼玉県所沢市南永井５９７－８</t>
  </si>
  <si>
    <t>04-2941-5490</t>
  </si>
  <si>
    <t>ﾜｲｴﾑﾃｨ</t>
  </si>
  <si>
    <t>（株）オゼル工業</t>
  </si>
  <si>
    <t>オゼルモハメット</t>
  </si>
  <si>
    <t>埼玉県川口市戸塚東１－１３－９栗原ハイツ１０２号</t>
  </si>
  <si>
    <t>080-3596-4627</t>
  </si>
  <si>
    <t>ｵｾﾞﾙｺｳｷﾞｮｳ</t>
  </si>
  <si>
    <t>上野瑠美</t>
  </si>
  <si>
    <t>（株）インセンス</t>
  </si>
  <si>
    <t>小林延男</t>
  </si>
  <si>
    <t>132-0002</t>
  </si>
  <si>
    <t>東京都江戸川区谷河内１－１９－３</t>
  </si>
  <si>
    <t>03-3670-2345</t>
  </si>
  <si>
    <t>ｲﾝｾﾝｽ</t>
  </si>
  <si>
    <t>小林智明</t>
  </si>
  <si>
    <t>（株）ＭＡＭＯ　ＧＲＯＵＰ</t>
  </si>
  <si>
    <t>エルトルクムネベル</t>
  </si>
  <si>
    <t>ﾏﾓｸﾞﾙｰﾌﾟ</t>
  </si>
  <si>
    <t>サリ　メメットカラマン</t>
  </si>
  <si>
    <t>しろねこグループ（株）</t>
  </si>
  <si>
    <t>篠田悠佑</t>
  </si>
  <si>
    <t>神奈川県横浜市保土ケ谷区仏向町６１０－２</t>
  </si>
  <si>
    <t>045-900-4604</t>
  </si>
  <si>
    <t>ｼﾛﾈｺｸﾞﾙｰﾌﾟ</t>
  </si>
  <si>
    <t>（株）毀生</t>
  </si>
  <si>
    <t>鈴川遼太郎</t>
  </si>
  <si>
    <t>272-0146</t>
  </si>
  <si>
    <t>千葉県市川市広尾１－１３－１３</t>
  </si>
  <si>
    <t>090-5577-4866</t>
  </si>
  <si>
    <t>ｷｼｮｳ</t>
  </si>
  <si>
    <t>（株）ＡＶＡＳＩＮ</t>
  </si>
  <si>
    <t>カヤオスマン</t>
  </si>
  <si>
    <t>埼玉県川口市大字木曽呂３１０－１一色ハイツ５－１０５号</t>
  </si>
  <si>
    <t>カヤゆりか</t>
  </si>
  <si>
    <t>神奈川商事（株）</t>
  </si>
  <si>
    <t>加賀谷勇気</t>
  </si>
  <si>
    <t>神奈川県綾瀬市早川３２３０－２１</t>
  </si>
  <si>
    <t>0467-40-3477</t>
  </si>
  <si>
    <t>ｶﾅｶﾞﾜｼｮｳｼﾞ</t>
  </si>
  <si>
    <t>大谷武</t>
  </si>
  <si>
    <t>信環境（株）</t>
  </si>
  <si>
    <t>澁谷信行</t>
  </si>
  <si>
    <t>東京都杉並区下井草２－１０－２２</t>
  </si>
  <si>
    <t>03-6913-5409</t>
  </si>
  <si>
    <t>ｼﾝｶﾝｷｮｳ</t>
  </si>
  <si>
    <t>（株）Ｄ・ＬＥＯ商会</t>
  </si>
  <si>
    <t>水森颯</t>
  </si>
  <si>
    <t>243-0301</t>
  </si>
  <si>
    <t>神奈川県愛甲郡愛川町角田１２８－１</t>
  </si>
  <si>
    <t>080-3348-4346</t>
  </si>
  <si>
    <t>ﾃﾞｨｰﾚｵｼｮｳｶｲ</t>
  </si>
  <si>
    <t>（株）コア・ブレイン</t>
  </si>
  <si>
    <t>最上玲奈</t>
  </si>
  <si>
    <t>121-0815</t>
  </si>
  <si>
    <t>東京都足立区島根３－２４－３</t>
  </si>
  <si>
    <t>03-6321-3650</t>
  </si>
  <si>
    <t>ｺｱﾌﾞﾚｲﾝ</t>
  </si>
  <si>
    <t>（株）ＧＬＯＢＡＬ　ＰＡＲＴＮＥＲＳ</t>
  </si>
  <si>
    <t>アルパベイシ</t>
  </si>
  <si>
    <t>神奈川県横浜市泉区和泉町６５８１－６</t>
  </si>
  <si>
    <t>080-4447-3191</t>
  </si>
  <si>
    <t>ｸﾞﾛｰﾊﾞﾙﾊﾟｰﾄﾅｰｽﾞ</t>
  </si>
  <si>
    <t>（株）アド</t>
  </si>
  <si>
    <t>カラリアイドゥン</t>
  </si>
  <si>
    <t>ｱﾄﾞ</t>
  </si>
  <si>
    <t>イガレバシリル</t>
  </si>
  <si>
    <t>（株）松原解体</t>
  </si>
  <si>
    <t>原純一</t>
  </si>
  <si>
    <t>東京都墨田区亀沢３－２３－７石橋ビル１階</t>
  </si>
  <si>
    <t>03-6240-4348</t>
  </si>
  <si>
    <t>ﾏﾂﾊﾞﾗｶｲﾀｲ</t>
  </si>
  <si>
    <t>（株）Ｈａｒｕ</t>
  </si>
  <si>
    <t>駒場大介</t>
  </si>
  <si>
    <t>231-0023</t>
  </si>
  <si>
    <t>神奈川県横浜市中区山下町２５５－１リリファ横濱山下町５０５</t>
  </si>
  <si>
    <t>080-1038-7666</t>
  </si>
  <si>
    <t>（株）ゼロハウス</t>
  </si>
  <si>
    <t>本田杯紫</t>
  </si>
  <si>
    <t>神奈川県横浜市都筑区中川中央２－５－１３</t>
  </si>
  <si>
    <t>045-565-9885</t>
  </si>
  <si>
    <t>ｾﾞﾛﾊｳｽ</t>
  </si>
  <si>
    <t>（株）ＫＡＩＴＡＩ</t>
  </si>
  <si>
    <t>手塚昌利</t>
  </si>
  <si>
    <t>埼玉県さいたま市西区西大宮１－１８－１イル・ヴィラージュ西大宮１Ｆ</t>
  </si>
  <si>
    <t>048-782-6787</t>
  </si>
  <si>
    <t>ｶｲﾀｲ</t>
  </si>
  <si>
    <t>石倉翔</t>
  </si>
  <si>
    <t>（株）Ａｃｅ</t>
  </si>
  <si>
    <t>萩原晃希</t>
  </si>
  <si>
    <t>123-0863</t>
  </si>
  <si>
    <t>東京都足立区谷在家３－２－１５－５０２</t>
  </si>
  <si>
    <t>03-5856-8635</t>
  </si>
  <si>
    <t>ｴｰｽ</t>
  </si>
  <si>
    <t>拓基産業（株）</t>
  </si>
  <si>
    <t>李欣</t>
  </si>
  <si>
    <t>神奈川県大和市福田３８９－８</t>
  </si>
  <si>
    <t>080-4789-3083</t>
  </si>
  <si>
    <t>ﾀｸｷｻﾝｷﾞｮｳ</t>
  </si>
  <si>
    <t>渡辺商事（株）</t>
  </si>
  <si>
    <t>渡辺由美</t>
  </si>
  <si>
    <t>246-0038</t>
  </si>
  <si>
    <t>神奈川県横浜市瀬谷区宮沢４－２６－２３</t>
  </si>
  <si>
    <t>080-7579-5888</t>
  </si>
  <si>
    <t>ﾜﾀﾅﾍﾞｼｮｳｼﾞ</t>
  </si>
  <si>
    <t>渡辺類</t>
  </si>
  <si>
    <t>（株）ティーワイス</t>
  </si>
  <si>
    <t>田中利夫</t>
  </si>
  <si>
    <t>埼玉県川口市南鳩ヶ谷７－３３－１９エクセランス南七丁目１０２号</t>
  </si>
  <si>
    <t>048-271-9255</t>
  </si>
  <si>
    <t>ﾃｨｰﾜｲｽ</t>
  </si>
  <si>
    <t>畑山興業（株）</t>
  </si>
  <si>
    <t>畑山飛</t>
  </si>
  <si>
    <t>179-0075</t>
  </si>
  <si>
    <t>東京都練馬区高松２－１９－４</t>
  </si>
  <si>
    <t>03-5848-8908</t>
  </si>
  <si>
    <t>ﾊﾀｹﾔﾏｺｳｷﾞｮｳ</t>
  </si>
  <si>
    <t>（株）日本虎</t>
  </si>
  <si>
    <t>　コルイブラヒムハリル</t>
  </si>
  <si>
    <t>埼玉県蕨市南町１－３３－３２ライオンズマンション蕨南町１０１号</t>
  </si>
  <si>
    <t>080-5093-1999</t>
  </si>
  <si>
    <t>ﾆｯﾎﾟﾝﾄﾗ</t>
  </si>
  <si>
    <t>ＫＡＲＴＵＭＧＵＲＡＹ</t>
  </si>
  <si>
    <t>（株）ＮＩＰＰＯＮ１ＡＬＦＡ</t>
  </si>
  <si>
    <t>チャルブュク・ユヌス・エムレ</t>
  </si>
  <si>
    <t>埼玉県川口市大字安行北谷６１２－６トライアングル２０１</t>
  </si>
  <si>
    <t>080-6970-0001</t>
  </si>
  <si>
    <t>ﾆｯﾎﾟﾝｲﾁｱﾙﾌｧ</t>
  </si>
  <si>
    <t>アルトゥンサユリ</t>
  </si>
  <si>
    <t>（株）ＫＩＢＯＵ</t>
  </si>
  <si>
    <t>オスコチュ　ウムトジャン</t>
  </si>
  <si>
    <t>343-0014</t>
  </si>
  <si>
    <t>埼玉県越谷市宮前１－４－６－２０１</t>
  </si>
  <si>
    <t>090-8811-4002</t>
  </si>
  <si>
    <t>ｷﾎﾞｳ</t>
  </si>
  <si>
    <t>オスコチュ恵美</t>
  </si>
  <si>
    <t>さくら興業（株）</t>
  </si>
  <si>
    <t>ババアリアン　サイド</t>
  </si>
  <si>
    <t>埼玉県川口市芝中田２－３５－２０パークサイド芝１０３号</t>
  </si>
  <si>
    <t>080-3205-9543</t>
  </si>
  <si>
    <t>（株）レインボー</t>
  </si>
  <si>
    <t>キュル・レザイ・ユースフ</t>
  </si>
  <si>
    <t>埼玉県越谷市宮本町５－１２２－１司コーポ２０１</t>
  </si>
  <si>
    <t>0489-07-1728</t>
  </si>
  <si>
    <t>ﾚｲﾝﾎﾞｰ</t>
  </si>
  <si>
    <t>ＫＯＲ　ＲＥＣＡＩＹＵＳＵＦ</t>
  </si>
  <si>
    <t>三信トータルサービス（株）</t>
  </si>
  <si>
    <t>井手翼</t>
  </si>
  <si>
    <t>340-0831</t>
  </si>
  <si>
    <t>埼玉県八潮市大字南後谷３４５－１ダイアパレス草加ヴィラ・リゾート２０７号室</t>
  </si>
  <si>
    <t>070-4141-6527</t>
  </si>
  <si>
    <t>ｻﾝｼﾝﾄｰﾀﾙｻｰﾋﾞｽ</t>
  </si>
  <si>
    <t>岡本伸行</t>
  </si>
  <si>
    <t>（同）Ｒａｉｓｅ</t>
  </si>
  <si>
    <t>　関羅都樹</t>
  </si>
  <si>
    <t>253-0086</t>
  </si>
  <si>
    <t>神奈川県茅ヶ崎市浜之郷１１７７－５１</t>
  </si>
  <si>
    <t>045-861-3156</t>
  </si>
  <si>
    <t>ﾚｲｽﾞ</t>
  </si>
  <si>
    <t>関美季子</t>
  </si>
  <si>
    <t>（株）ＹＳ工業</t>
  </si>
  <si>
    <t>　斉藤夕貴</t>
  </si>
  <si>
    <t>103-0002</t>
  </si>
  <si>
    <t>東京都中央区日本橋馬喰町２－４－１２－４０１号</t>
  </si>
  <si>
    <t>080-3747-5961</t>
  </si>
  <si>
    <t>ﾜｲｴｽｺｳｷﾞｮｳ</t>
  </si>
  <si>
    <t>吉川寛生</t>
  </si>
  <si>
    <t>（株）市原興産</t>
  </si>
  <si>
    <t>上栁英樹</t>
  </si>
  <si>
    <t>215-0016</t>
  </si>
  <si>
    <t>神奈川県川崎市麻生区早野４３５</t>
  </si>
  <si>
    <t>044-874-4057</t>
  </si>
  <si>
    <t>ｲﾁﾊﾗｺｳｻﾝ</t>
  </si>
  <si>
    <t>（株）山田興業ＹＭＤ</t>
  </si>
  <si>
    <t>山田郁美</t>
  </si>
  <si>
    <t>220-0055</t>
  </si>
  <si>
    <t>神奈川県横浜市西区浜松町１４－１４－１０５号</t>
  </si>
  <si>
    <t>080-3556-5926</t>
  </si>
  <si>
    <t>ﾔﾏﾀﾞｺｳｷﾞｮｳﾜｲｴﾑﾃﾞｨ</t>
  </si>
  <si>
    <t>吾妻工務店　吾妻　宏一</t>
  </si>
  <si>
    <t>244-0841</t>
  </si>
  <si>
    <t>神奈川県横浜市栄区長沼町４８５－１</t>
  </si>
  <si>
    <t>090-8308-7463</t>
  </si>
  <si>
    <t>ｱﾂﾞﾏｺｳﾑﾃﾝ ｱﾂﾞﾏ ﾋﾛｶｽﾞ</t>
  </si>
  <si>
    <t>吾妻宏一</t>
  </si>
  <si>
    <t>（株）ＡＩＺＡＷＡ　ＧＲＯＵＰ</t>
  </si>
  <si>
    <t>相澤孝義</t>
  </si>
  <si>
    <t>神奈川県横浜市西区みなとみらい３－６－１みなとみらいセンタービル１９階</t>
  </si>
  <si>
    <t>090-5417-7478</t>
  </si>
  <si>
    <t>ｱｲｻﾞﾜｸﾞﾙｰﾌﾟ</t>
  </si>
  <si>
    <t>（株）エコ・クリーン</t>
  </si>
  <si>
    <t>霜鳥純昭</t>
  </si>
  <si>
    <t>東京都足立区西新井４－３１－５</t>
  </si>
  <si>
    <t>0-5879-2934</t>
  </si>
  <si>
    <t>ｴｺｸﾘｰﾝ</t>
  </si>
  <si>
    <t>（株）サンアール</t>
  </si>
  <si>
    <t>野口一彦</t>
  </si>
  <si>
    <t>232-0052</t>
  </si>
  <si>
    <t>神奈川県横浜市南区井土ケ谷中町１６２－５コーポサンライフ井土ケ谷４０６</t>
  </si>
  <si>
    <t>045-742-4611</t>
  </si>
  <si>
    <t>ｻﾝｱｰﾙ</t>
  </si>
  <si>
    <t>野口遼</t>
  </si>
  <si>
    <t>（株）隼</t>
  </si>
  <si>
    <t>カラダアルディンチ</t>
  </si>
  <si>
    <t>337-0003</t>
  </si>
  <si>
    <t>埼玉県さいたま市見沼区深作２－２５－５Ｗｏｎｄｅｒｌａｎｄ２０１</t>
  </si>
  <si>
    <t>070-1322-0102</t>
  </si>
  <si>
    <t>ﾊﾔﾌﾞｻ</t>
  </si>
  <si>
    <t>石井　政典</t>
  </si>
  <si>
    <t>210-0852</t>
  </si>
  <si>
    <t>神奈川県川崎市川崎区鋼管通４－１４－１４－４１０号コーピアス浜川崎</t>
  </si>
  <si>
    <t>080-6540-2878</t>
  </si>
  <si>
    <t>ｲｼｲ ﾏｻﾉﾘ</t>
  </si>
  <si>
    <t>石井政典</t>
  </si>
  <si>
    <t>（株）アストリア</t>
  </si>
  <si>
    <t>ウチャルマズルム</t>
  </si>
  <si>
    <t>埼玉県さいたま市南区大字円正寺４００－４</t>
  </si>
  <si>
    <t>080-6409-1905</t>
  </si>
  <si>
    <t>ｱｽﾄﾘｱ</t>
  </si>
  <si>
    <t>佐々木純</t>
  </si>
  <si>
    <t>ＴＳＵＭＵＧＩ不動産（株）</t>
  </si>
  <si>
    <t>　佐久間翔平</t>
  </si>
  <si>
    <t>224-0036</t>
  </si>
  <si>
    <t>神奈川県横浜市都筑区勝田南１－１－７サンモール２１－１０３</t>
  </si>
  <si>
    <t>045-461-9365</t>
  </si>
  <si>
    <t>ﾂﾑｷﾞﾌﾄﾞｳｻﾝ</t>
  </si>
  <si>
    <t>佐久間翔平</t>
  </si>
  <si>
    <t>（有）須山組</t>
  </si>
  <si>
    <t>　須山方示</t>
  </si>
  <si>
    <t>222-0036</t>
  </si>
  <si>
    <t>神奈川県横浜市港北区小机町８７３－１１</t>
  </si>
  <si>
    <t>045-620-3634</t>
  </si>
  <si>
    <t>ｽﾔﾏｸﾞﾐ</t>
  </si>
  <si>
    <t>須山礼央</t>
  </si>
  <si>
    <t>きん（金三つ）輝興業（株）</t>
  </si>
  <si>
    <t>　張春宝</t>
  </si>
  <si>
    <t>神奈川県横浜市泉区上飯田町２６１９－２８－１２０８号</t>
  </si>
  <si>
    <t>045-438-9309</t>
  </si>
  <si>
    <t>ｷﾝｷｺｳｷﾞｮｳ</t>
  </si>
  <si>
    <t>張春宝</t>
  </si>
  <si>
    <t>ＳＨＯＫＩＲＡＫＡ　ＴＥＣＨＮＯ　ＰＲＯ（株）</t>
  </si>
  <si>
    <t>ムキシノフ・イルホム・ショキロビチュ</t>
  </si>
  <si>
    <t>340-0035</t>
  </si>
  <si>
    <t>埼玉県草加市西町５６２－３ベルソーナ１０７号室</t>
  </si>
  <si>
    <t>090-7809-0002</t>
  </si>
  <si>
    <t>ｼｮｷﾗｶ ﾃｸﾉ ﾌﾟﾛ</t>
  </si>
  <si>
    <t>千葉喜八</t>
  </si>
  <si>
    <t>（株）アクティール</t>
  </si>
  <si>
    <t>見垣皆斗</t>
  </si>
  <si>
    <t>274-0069</t>
  </si>
  <si>
    <t>千葉県船橋市坪井西２－２－３０－１０２号</t>
  </si>
  <si>
    <t>047-404-4760</t>
  </si>
  <si>
    <t>ｱｸﾃｨｰﾙ</t>
  </si>
  <si>
    <t>（株）ＡＭＥＹＡ解体工業</t>
  </si>
  <si>
    <t>　飴谷千春</t>
  </si>
  <si>
    <t>257-0015</t>
  </si>
  <si>
    <t>神奈川県秦野市平沢１００４－１５</t>
  </si>
  <si>
    <t>0463-68-2290</t>
  </si>
  <si>
    <t>ｱﾒﾔｶｲﾀｲｺｳｷﾞｮｳ</t>
  </si>
  <si>
    <t>ＢＯＴＴＥＧＡＥＭＥＲＳＯＮ　ＡＤ</t>
  </si>
  <si>
    <t>（株）ＺＥＴＴＯＮ＆Ｃｏ</t>
  </si>
  <si>
    <t>西井雄大</t>
  </si>
  <si>
    <t>神奈川県横浜市旭区南本宿町３９－３</t>
  </si>
  <si>
    <t>045-459-9066</t>
  </si>
  <si>
    <t>ｾﾞｯﾄﾝｱﾝﾄﾞｺｵ</t>
  </si>
  <si>
    <t>拓進産業（株）</t>
  </si>
  <si>
    <t>長澤拓郎</t>
  </si>
  <si>
    <t>神奈川県相模原市緑区下九沢１９３９－１６</t>
  </si>
  <si>
    <t>042-707-2901</t>
  </si>
  <si>
    <t>ﾀｸｼﾝｻﾝｷﾞｮｳ</t>
  </si>
  <si>
    <t>兄弟建設（株）</t>
  </si>
  <si>
    <t>チャン・ドゥック・ヅイ</t>
  </si>
  <si>
    <t>神奈川県綾瀬市大上１－２－４５</t>
  </si>
  <si>
    <t>080-5377-7979</t>
  </si>
  <si>
    <t>ｷｮｳﾀﾞｲｹﾝｾﾂ</t>
  </si>
  <si>
    <t>宝石建設（株）</t>
  </si>
  <si>
    <t>トラン・ゴック・タック</t>
  </si>
  <si>
    <t>神奈川県横浜市瀬谷区瀬谷町５８１２細谷戸ハイツ２０２－４０２</t>
  </si>
  <si>
    <t>070-8492-9248</t>
  </si>
  <si>
    <t>ﾎｳｾｷｹﾝｾﾂ</t>
  </si>
  <si>
    <t>（同）ｂｅｂｅ</t>
  </si>
  <si>
    <t>矢部卓也</t>
  </si>
  <si>
    <t>埼玉県越谷市宮本町３－３３－１１</t>
  </si>
  <si>
    <t>048-967-5675</t>
  </si>
  <si>
    <t>ﾍﾞﾍﾞ</t>
  </si>
  <si>
    <t>（株）たから興業</t>
  </si>
  <si>
    <t>阿部賢</t>
  </si>
  <si>
    <t>124-0012</t>
  </si>
  <si>
    <t>東京都葛飾区立石２－４－１４－１０３号</t>
  </si>
  <si>
    <t>080-6530-8831</t>
  </si>
  <si>
    <t>ﾀｶﾗｺｳｷﾞｮｳ</t>
  </si>
  <si>
    <t>（株）ＡＫＴＵＲＫ</t>
  </si>
  <si>
    <t>ＡＫＴＵＲＫＧＯＫＨＡＮ</t>
  </si>
  <si>
    <t>埼玉県越谷市北越谷２－１９－１２コアクレスト北越谷Ⅰー２０３号室</t>
  </si>
  <si>
    <t>080-9714-4646</t>
  </si>
  <si>
    <t>ｱｸﾄﾙｺ</t>
  </si>
  <si>
    <t>ＧＥＺＥＲＥＲＤＡＬ</t>
  </si>
  <si>
    <t>（株）ＩＮＴＥＲＩＱ</t>
  </si>
  <si>
    <t>並木正太郎</t>
  </si>
  <si>
    <t>206-0041</t>
  </si>
  <si>
    <t>東京都多摩市愛宕４－６－１２</t>
  </si>
  <si>
    <t>042-373-7208</t>
  </si>
  <si>
    <t>ｲﾝﾃﾘｯｸ</t>
  </si>
  <si>
    <t>文建（株）</t>
  </si>
  <si>
    <t>丁文超</t>
  </si>
  <si>
    <t>332-0023</t>
  </si>
  <si>
    <t>埼玉県川口市飯塚３－１２－１６－２０２</t>
  </si>
  <si>
    <t>080-7520-5777</t>
  </si>
  <si>
    <t>ﾌﾞﾝｹﾝ</t>
  </si>
  <si>
    <t>（株）コンナイジング</t>
  </si>
  <si>
    <t>亀井敏幸</t>
  </si>
  <si>
    <t>東京都荒川区西日暮里２－９－３</t>
  </si>
  <si>
    <t>03-5604-5152</t>
  </si>
  <si>
    <t>ｺﾝﾅｲｼﾞﾝｸﾞ</t>
  </si>
  <si>
    <t>（株）タニル</t>
  </si>
  <si>
    <t>タニルベリ</t>
  </si>
  <si>
    <t>339-0055</t>
  </si>
  <si>
    <t>埼玉県さいたま市岩槻区東町２－８－１５</t>
  </si>
  <si>
    <t>080-9346-9258</t>
  </si>
  <si>
    <t>ﾀﾆﾙ</t>
  </si>
  <si>
    <t>（株）藤友サービス</t>
  </si>
  <si>
    <t>工藤直哉</t>
  </si>
  <si>
    <t>238-0024</t>
  </si>
  <si>
    <t>神奈川県横須賀市大矢部５－４－３</t>
  </si>
  <si>
    <t>090-2425-2548</t>
  </si>
  <si>
    <t>ﾌｼﾞﾄﾓｻｰﾋﾞｽ</t>
  </si>
  <si>
    <t>（株）ソウルクリエイション</t>
  </si>
  <si>
    <t>吉川大貴</t>
  </si>
  <si>
    <t>東京都北区赤羽南１－１７－６赤羽ビューハイツ４０１</t>
  </si>
  <si>
    <t>090-9229-1731</t>
  </si>
  <si>
    <t>ｿｳﾙｸﾘｴｲｼｮﾝ</t>
  </si>
  <si>
    <t>諸永文哉</t>
  </si>
  <si>
    <t>（株）優誠総業</t>
  </si>
  <si>
    <t>坂上優也</t>
  </si>
  <si>
    <t>221-0005</t>
  </si>
  <si>
    <t>神奈川県横浜市神奈川区松見町３－９１５－６</t>
  </si>
  <si>
    <t>045-716-8728</t>
  </si>
  <si>
    <t>ﾕｳｾｲｿｳｷﾞｮｳ</t>
  </si>
  <si>
    <t>Ｕ－ＰＬＡＮ（株）</t>
  </si>
  <si>
    <t>光田雄</t>
  </si>
  <si>
    <t>238-0054</t>
  </si>
  <si>
    <t>神奈川県横須賀市汐見台２－３－７</t>
  </si>
  <si>
    <t>046-828-7180</t>
  </si>
  <si>
    <t>ﾕｰﾌﾟﾗﾝ</t>
  </si>
  <si>
    <t>（株）ＦＩＲＡＴ　Ｃｏｒｐｏｒａｔｉｏｎ</t>
  </si>
  <si>
    <t>チョラックムスタファ</t>
  </si>
  <si>
    <t>343-0855</t>
  </si>
  <si>
    <t>埼玉県越谷市西新井３４４－１</t>
  </si>
  <si>
    <t>080-4858-7162</t>
  </si>
  <si>
    <t>ﾌｨﾗｯﾄ ｺｰﾎﾟﾚｰｼｮﾝ</t>
  </si>
  <si>
    <t>（株）タムラ工業</t>
  </si>
  <si>
    <t>田村　ジョセカルロス</t>
  </si>
  <si>
    <t>神奈川県秦野市平沢９７５Ｃ号棟</t>
  </si>
  <si>
    <t>080-4384-2627</t>
  </si>
  <si>
    <t>ﾀﾑﾗｺｳｷﾞｮｳ</t>
  </si>
  <si>
    <t>（株）有泉産業</t>
  </si>
  <si>
    <t>有泉亨</t>
  </si>
  <si>
    <t>222-0002</t>
  </si>
  <si>
    <t>神奈川県横浜市港北区師岡町２０４－１Ａ棟１０１</t>
  </si>
  <si>
    <t>045-834-9441</t>
  </si>
  <si>
    <t>ｱﾘｲｽﾞﾐｻﾝｷﾞｮｳ</t>
  </si>
  <si>
    <t>（株）ＣＩＶＡＮ工業</t>
  </si>
  <si>
    <t>カバクメメット</t>
  </si>
  <si>
    <t>337-0033</t>
  </si>
  <si>
    <t>埼玉県さいたま市見沼区御蔵１３３－１</t>
  </si>
  <si>
    <t>090-2245-3303</t>
  </si>
  <si>
    <t>ｼﾞﾜﾝｺｳｷﾞｮｳ</t>
  </si>
  <si>
    <t>（株）一昇</t>
  </si>
  <si>
    <t>中村健一</t>
  </si>
  <si>
    <t>136-0076</t>
  </si>
  <si>
    <t>東京都江東区南砂５－２３－１１－３０３</t>
  </si>
  <si>
    <t>080-2942-3625</t>
  </si>
  <si>
    <t>ｲｯｼｮｳ</t>
  </si>
  <si>
    <t>（株）Ｆｙｃ</t>
  </si>
  <si>
    <t>小川梨菜</t>
  </si>
  <si>
    <t>東京都狛江市駒井町２－１１－２０</t>
  </si>
  <si>
    <t>080-4134-1712</t>
  </si>
  <si>
    <t>ｴﾌﾜｲｼｰ</t>
  </si>
  <si>
    <t>小島啓二</t>
  </si>
  <si>
    <t>月野尚志</t>
  </si>
  <si>
    <t>神奈川県大和市林間１－１５－３２－３Ｆ</t>
  </si>
  <si>
    <t>046-244-4780</t>
  </si>
  <si>
    <t>村石恭男</t>
  </si>
  <si>
    <t>（株）ＯＮＥ</t>
  </si>
  <si>
    <t>佐々木一郎</t>
  </si>
  <si>
    <t>千葉県千葉市花見川区長作町１２３１－１３０</t>
  </si>
  <si>
    <t>080-9006-5944</t>
  </si>
  <si>
    <t>ﾜﾝ</t>
  </si>
  <si>
    <t>勝田祐規</t>
  </si>
  <si>
    <t>Ｔ＆Ｔ（同）</t>
  </si>
  <si>
    <t>ＢＵＩＶＡＮ　ＴＨＩＥＮ</t>
  </si>
  <si>
    <t>埼玉県蕨市錦町１－１６－９フレンズ錦２０２号室</t>
  </si>
  <si>
    <t>080-6898-0205</t>
  </si>
  <si>
    <t>ﾃｨｰｱﾝﾄﾞﾃｨｰ</t>
  </si>
  <si>
    <t>（株）アーバンサービス</t>
  </si>
  <si>
    <t>赤羽正光</t>
  </si>
  <si>
    <t>231-0801</t>
  </si>
  <si>
    <t>神奈川県横浜市中区新山下３－７－２４</t>
  </si>
  <si>
    <t>045-628-7888</t>
  </si>
  <si>
    <t>ｱｰﾊﾞﾝｻｰﾋﾞｽ</t>
  </si>
  <si>
    <t>長岡実</t>
  </si>
  <si>
    <t>（株）Ｎ・Ｔ</t>
  </si>
  <si>
    <t>グエンバンジュン</t>
  </si>
  <si>
    <t>神奈川県綾瀬市深谷中８－６５２１－１</t>
  </si>
  <si>
    <t>080-7735-5926</t>
  </si>
  <si>
    <t>ｴﾇﾃｨ</t>
  </si>
  <si>
    <t>（株）ＳＷＡＹ</t>
  </si>
  <si>
    <t>森口卓</t>
  </si>
  <si>
    <t>123-0844</t>
  </si>
  <si>
    <t>東京都足立区興野２－２０－１６</t>
  </si>
  <si>
    <t>03-3898-9177</t>
  </si>
  <si>
    <t>ｽｳｪｲ</t>
  </si>
  <si>
    <t>森口茂</t>
  </si>
  <si>
    <t>（株）ＬＩＦＴ</t>
  </si>
  <si>
    <t>　中島健登</t>
  </si>
  <si>
    <t>451-0045</t>
  </si>
  <si>
    <t>愛知県名古屋市西区名駅３－７－９サン・名駅三丁目ビル７０３号室</t>
  </si>
  <si>
    <t>052-887-7974</t>
  </si>
  <si>
    <t>ﾘﾌﾄ</t>
  </si>
  <si>
    <t>田中剛</t>
  </si>
  <si>
    <t>モナコ工業</t>
  </si>
  <si>
    <t>神奈川県藤沢市大庭５４４９－９コーポ佐藤Ｃ１０２</t>
  </si>
  <si>
    <t>080-5922-0710</t>
  </si>
  <si>
    <t>ﾓﾅｺｺｳｷﾞｮｳ</t>
  </si>
  <si>
    <t>ＦＲＡＮＣＩＳＣＯＤＥ　ＡＳＳＩＳ　Ｊ</t>
  </si>
  <si>
    <t>Ｂ－ＷＩＮＧ（株）</t>
  </si>
  <si>
    <t>　羽鳥亮</t>
  </si>
  <si>
    <t>344-0067</t>
  </si>
  <si>
    <t>埼玉県春日部市中央５－７－２３第８メゾン坂巻１０２号</t>
  </si>
  <si>
    <t>048-734-0002</t>
  </si>
  <si>
    <t>ﾋﾞｰｳｨﾝｸﾞ</t>
  </si>
  <si>
    <t>羽鳥亮</t>
  </si>
  <si>
    <t>（株）ＪＷエンタープライズ</t>
  </si>
  <si>
    <t>林ジャンウィンセル</t>
  </si>
  <si>
    <t>144-0035</t>
  </si>
  <si>
    <t>東京都大田区南蒲田１－６－１４－２０２号</t>
  </si>
  <si>
    <t>090-4174-5257</t>
  </si>
  <si>
    <t>ｼﾞｪｲﾀﾞﾌﾞﾙﾕｰｴﾝﾀｰﾌﾟﾗｲｽﾞ</t>
  </si>
  <si>
    <t>（株）ジオリス</t>
  </si>
  <si>
    <t>　廣瀨暉</t>
  </si>
  <si>
    <t>108-0072</t>
  </si>
  <si>
    <t>東京都港区白金３－７－１</t>
  </si>
  <si>
    <t>03-4500-1559</t>
  </si>
  <si>
    <t>ｼﾞｵﾘｽ</t>
  </si>
  <si>
    <t>廣瀨暉</t>
  </si>
  <si>
    <t>（株）石山総建</t>
  </si>
  <si>
    <t>　石山友昭</t>
  </si>
  <si>
    <t>埼玉県春日部市備後東８－１－１０ハイツ２２・２０２号</t>
  </si>
  <si>
    <t>070-8573-4896</t>
  </si>
  <si>
    <t>ｲｼﾔﾏｿｳｹﾝ</t>
  </si>
  <si>
    <t>戸張二朗</t>
  </si>
  <si>
    <t>（株）星野総業</t>
  </si>
  <si>
    <t>星野敦宗</t>
  </si>
  <si>
    <t>神奈川県茅ヶ崎市今宿２５５－１１</t>
  </si>
  <si>
    <t>080-4384-4466</t>
  </si>
  <si>
    <t>ﾎｼﾉｿｳｷﾞｮｳ</t>
  </si>
  <si>
    <t>（有）佐藤総建</t>
  </si>
  <si>
    <t>　佐藤宏</t>
  </si>
  <si>
    <t>神奈川県茅ヶ崎市香川６－４－２８－７</t>
  </si>
  <si>
    <t>0467-57-1606</t>
  </si>
  <si>
    <t>ｻﾄｳｿｳｹﾝ</t>
  </si>
  <si>
    <t>佐藤宏</t>
  </si>
  <si>
    <t>（株）彰工業</t>
  </si>
  <si>
    <t>松村彰彦</t>
  </si>
  <si>
    <t>326-0021</t>
  </si>
  <si>
    <t>栃木県足利市山川町７１４－１</t>
  </si>
  <si>
    <t>0284-22-4326</t>
  </si>
  <si>
    <t>ｱｷｺｳｷﾞｮｳ</t>
  </si>
  <si>
    <t>（株）都築解体</t>
  </si>
  <si>
    <t>都築雅斗</t>
  </si>
  <si>
    <t>東京都西東京市富士町４－７－１８</t>
  </si>
  <si>
    <t>090-8688-7874</t>
  </si>
  <si>
    <t>ﾂﾂﾞｷｶｲﾀｲ</t>
  </si>
  <si>
    <t>（有）丸源解体</t>
  </si>
  <si>
    <t>ババットアリ</t>
  </si>
  <si>
    <t>339-0066</t>
  </si>
  <si>
    <t>埼玉県さいたま市岩槻区愛宕町５－２ジョイハイツ１０１号室</t>
  </si>
  <si>
    <t>080-4474-9345</t>
  </si>
  <si>
    <t>ﾏﾙｹﾞﾝｶｲﾀｲ</t>
  </si>
  <si>
    <t>松澤貴仁</t>
  </si>
  <si>
    <t>（株）アクア</t>
  </si>
  <si>
    <t>柴山雄人</t>
  </si>
  <si>
    <t>206-0001</t>
  </si>
  <si>
    <t>東京都多摩市和田５３１－５</t>
  </si>
  <si>
    <t>080-1096-1326</t>
  </si>
  <si>
    <t>ｱｸｱ</t>
  </si>
  <si>
    <t>大山治郎</t>
  </si>
  <si>
    <t>（株）カタクラ</t>
  </si>
  <si>
    <t>田中初美</t>
  </si>
  <si>
    <t>235-0041</t>
  </si>
  <si>
    <t>神奈川県横浜市磯子区栗木２－２３－２０</t>
  </si>
  <si>
    <t>045-367-8898</t>
  </si>
  <si>
    <t>ｶﾀｸﾗ</t>
  </si>
  <si>
    <t>（株）拓海興業</t>
  </si>
  <si>
    <t>森田晶</t>
  </si>
  <si>
    <t>神奈川県大和市上和田１－４５</t>
  </si>
  <si>
    <t>080-5879-5934</t>
  </si>
  <si>
    <t>ﾀｸﾐｺｳｷﾞｮｳ</t>
  </si>
  <si>
    <t>森田立成</t>
  </si>
  <si>
    <t>（株）ムンド工業</t>
  </si>
  <si>
    <t>ジャンエムラ</t>
  </si>
  <si>
    <t>120-0013</t>
  </si>
  <si>
    <t>東京都足立区弘道２－１－１２－３０５</t>
  </si>
  <si>
    <t>070-4081-8710</t>
  </si>
  <si>
    <t>ﾑﾝﾄﾞｺｳｷﾞｮｳ</t>
  </si>
  <si>
    <t>松下　知也</t>
  </si>
  <si>
    <t>東京都八王子市長房町５８８長房アパート西　１２－２０１</t>
  </si>
  <si>
    <t>090-2556-8907</t>
  </si>
  <si>
    <t>ﾏﾂｼﾀ ﾄﾓﾔ</t>
  </si>
  <si>
    <t>松下知也</t>
  </si>
  <si>
    <t>夢翔（株）</t>
  </si>
  <si>
    <t>奈賀野翔</t>
  </si>
  <si>
    <t>神奈川県横浜市瀬谷区下瀬谷３－３－４ラフィーネｙ・ｓ２０２</t>
  </si>
  <si>
    <t>080-4316-9727</t>
  </si>
  <si>
    <t>ﾕﾒﾄ</t>
  </si>
  <si>
    <t>（株）ＳＡＩＴＯ　ＫＯＧＹＯ</t>
  </si>
  <si>
    <t>斉藤レジナルドセイジ</t>
  </si>
  <si>
    <t>神奈川県平塚市東真土３－４－４－２</t>
  </si>
  <si>
    <t>080-4476-4540</t>
  </si>
  <si>
    <t>ｻｲﾄｳｺｳｷﾞｮｳ</t>
  </si>
  <si>
    <t>武本志徳</t>
  </si>
  <si>
    <t>225-0023</t>
  </si>
  <si>
    <t>神奈川県横浜市青葉区大場町３６１－７５</t>
  </si>
  <si>
    <t>045-972-3388</t>
  </si>
  <si>
    <t>（有）ウッドストック</t>
  </si>
  <si>
    <t>村山雄介</t>
  </si>
  <si>
    <t>116-0001</t>
  </si>
  <si>
    <t>東京都荒川区町屋５－１６－１８－７１３</t>
  </si>
  <si>
    <t>03-3809-0461</t>
  </si>
  <si>
    <t>ｳｯﾄﾞｽﾄｯｸ</t>
  </si>
  <si>
    <t>ＳＯＵＴＨ　ＦＬＥＸ　仲亀　浩章</t>
  </si>
  <si>
    <t>409-2102</t>
  </si>
  <si>
    <t>山梨県南巨摩郡南部町福士２２４７７－３</t>
  </si>
  <si>
    <t>0556-64-8590</t>
  </si>
  <si>
    <t>ｻｳｽﾌﾚｯｸｽ ﾅｶｶﾞﾒ ﾋﾛｱｷ</t>
  </si>
  <si>
    <t>仲亀浩章</t>
  </si>
  <si>
    <t>エイチアールホームズ（株）</t>
  </si>
  <si>
    <t>橋本良</t>
  </si>
  <si>
    <t>232-0064</t>
  </si>
  <si>
    <t>神奈川県横浜市南区別所７－２－６４０９号</t>
  </si>
  <si>
    <t>045-700-0706</t>
  </si>
  <si>
    <t>ｴｲﾁｱｰﾙﾎｰﾑｽﾞ</t>
  </si>
  <si>
    <t>たんぽぽ石油（株）</t>
  </si>
  <si>
    <t>相場剛</t>
  </si>
  <si>
    <t>相模原市中央区上溝３１２４－１０１</t>
  </si>
  <si>
    <t>042-711-7521</t>
  </si>
  <si>
    <t>ﾀﾝﾎﾟﾎﾟｾｷﾕ</t>
  </si>
  <si>
    <t>長津茂文</t>
  </si>
  <si>
    <t>ＳＹＴマネージメント（株）</t>
  </si>
  <si>
    <t>　田中勇次</t>
  </si>
  <si>
    <t>231-0015</t>
  </si>
  <si>
    <t>神奈川県横浜市中区尾上町４－５７横浜尾上町ビルディング８Ｆ</t>
  </si>
  <si>
    <t>045-285-6053</t>
  </si>
  <si>
    <t>ｴｽﾜｲﾃｨｰﾏﾈｰｼﾞﾒﾝﾄ</t>
  </si>
  <si>
    <t>田中勇次</t>
  </si>
  <si>
    <t>（株）近代美装</t>
  </si>
  <si>
    <t>森雄図</t>
  </si>
  <si>
    <t>223-0056</t>
  </si>
  <si>
    <t>神奈川県横浜市港北区新吉田町４３５３</t>
  </si>
  <si>
    <t>045-620-3222</t>
  </si>
  <si>
    <t>ｷﾝﾀﾞｲﾋﾞｿｳ</t>
  </si>
  <si>
    <t>リサイクル解体・関東</t>
  </si>
  <si>
    <t>神奈川県大和市西鶴間２－１７－８－１０２</t>
  </si>
  <si>
    <t>080-4459-0621</t>
  </si>
  <si>
    <t>ﾘｻｲｸﾙｶｲﾀｲｶﾝﾄｳ</t>
  </si>
  <si>
    <t>ＦＬＯＲＥＳ　ＡＧＡＬＵＩＳ</t>
  </si>
  <si>
    <t>（株）和起葉</t>
  </si>
  <si>
    <t>　エレッセ・キナック</t>
  </si>
  <si>
    <t>埼玉県川口市大字木曽呂８８７－３</t>
  </si>
  <si>
    <t>070-6574-0811</t>
  </si>
  <si>
    <t>ﾅｷﾞﾊﾞ</t>
  </si>
  <si>
    <t>エレッセキナック</t>
  </si>
  <si>
    <t>嘉宮　宮城　浩次</t>
  </si>
  <si>
    <t>神奈川県川崎市川崎区大島５－１０－９Ｋ’Ｓビル２０１</t>
  </si>
  <si>
    <t>090-3041-7086</t>
  </si>
  <si>
    <t>ｶﾐﾔ ﾐﾔｷﾞﾋﾛﾂｸﾞ</t>
  </si>
  <si>
    <t>宮城浩次</t>
  </si>
  <si>
    <t>ＧＵＮ工業　Ｉ　ＧＥＤＥ　ＧＵＮＡＲＴＨＡ</t>
  </si>
  <si>
    <t>神奈川県大和市上和田２４１２　上和田団地１－３－５０３</t>
  </si>
  <si>
    <t>080-8875-4736</t>
  </si>
  <si>
    <t>ｸﾞﾝｺｳｷﾞｮｳ ｲｸﾞﾃﾞｸﾞﾅﾙﾀ</t>
  </si>
  <si>
    <t>Ｉ　ＧＥＤＥＧＵＮＡＲＴＨＡ</t>
  </si>
  <si>
    <t>明都創業　石田　明久</t>
  </si>
  <si>
    <t>920-0367</t>
  </si>
  <si>
    <t>石川県金沢市北塚町西９５</t>
  </si>
  <si>
    <t>090-2837-5863</t>
  </si>
  <si>
    <t>ﾒｲﾄｿｳｷﾞｮｳ ｲｼﾀﾞﾊﾙﾋｻ</t>
  </si>
  <si>
    <t>石田明久</t>
  </si>
  <si>
    <t>真正（同）</t>
  </si>
  <si>
    <t>常盤正人</t>
  </si>
  <si>
    <t>277-0931</t>
  </si>
  <si>
    <t>千葉県柏市藤ケ谷１２１８－７</t>
  </si>
  <si>
    <t>080-1156-6743</t>
  </si>
  <si>
    <t>ＢＳ　ＴＲＡＤＩＮＧ（株）</t>
  </si>
  <si>
    <t>バルジットシング</t>
  </si>
  <si>
    <t>272-0137</t>
  </si>
  <si>
    <t>千葉県市川市福栄１－２３－１３</t>
  </si>
  <si>
    <t>047-315-7383</t>
  </si>
  <si>
    <t>ﾋﾞｰｴｽﾄﾚｰﾃﾞｨﾝｸﾞ</t>
  </si>
  <si>
    <t>（株）ＲｅＢｏｒｎ</t>
  </si>
  <si>
    <t>吉﨑勝</t>
  </si>
  <si>
    <t>千葉県千葉市稲毛区宮野木町１１９７－２</t>
  </si>
  <si>
    <t>080-4796-1471</t>
  </si>
  <si>
    <t>ﾘﾎﾞｰﾝ</t>
  </si>
  <si>
    <t>（株）ヤクシン鶴見</t>
  </si>
  <si>
    <t>230-0051</t>
  </si>
  <si>
    <t>神奈川県横浜市鶴見区鶴見中央１－２０－２中田ビル１０２号</t>
  </si>
  <si>
    <t>045-947-3595</t>
  </si>
  <si>
    <t>ﾔｸｼﾝﾂﾙﾐ</t>
  </si>
  <si>
    <t>安川翔</t>
  </si>
  <si>
    <t>桜蓮（株）</t>
  </si>
  <si>
    <t>ハスギュル友利</t>
  </si>
  <si>
    <t>336-0912</t>
  </si>
  <si>
    <t>埼玉県さいたま市緑区馬場１－１２－５－１０２</t>
  </si>
  <si>
    <t>080-6952-6150</t>
  </si>
  <si>
    <t>ｵｳﾚﾝ</t>
  </si>
  <si>
    <t>（株）ＡＢＥ</t>
  </si>
  <si>
    <t>阿部博明</t>
  </si>
  <si>
    <t>146-0082</t>
  </si>
  <si>
    <t>東京都大田区池上７－１９－３Ｇｒａｐａｄｏｒａ池上Ｂ－０３</t>
  </si>
  <si>
    <t>090-9428-7684</t>
  </si>
  <si>
    <t>ｱﾍﾞ</t>
  </si>
  <si>
    <t>（株）マナカ</t>
  </si>
  <si>
    <t>真中伴典</t>
  </si>
  <si>
    <t>210-0865</t>
  </si>
  <si>
    <t>神奈川県川崎市川崎区千鳥町７－１</t>
  </si>
  <si>
    <t>044-299-3333</t>
  </si>
  <si>
    <t>ﾏﾅｶ</t>
  </si>
  <si>
    <t>（株）有馬商会</t>
  </si>
  <si>
    <t>倉本徹也</t>
  </si>
  <si>
    <t>252-0013</t>
  </si>
  <si>
    <t>神奈川県座間市栗原１２７７－１７セントレー相武台５０１号</t>
  </si>
  <si>
    <t>090-6100-7038</t>
  </si>
  <si>
    <t>ｱﾘﾏｼｮｳｶｲ</t>
  </si>
  <si>
    <t>（株）福野興業</t>
  </si>
  <si>
    <t>福野勇也</t>
  </si>
  <si>
    <t>270-1431</t>
  </si>
  <si>
    <t>千葉県白井市根７８１－１０</t>
  </si>
  <si>
    <t>080-4133-5032</t>
  </si>
  <si>
    <t>ﾌｸﾉｺｳｷﾞｮｳ</t>
  </si>
  <si>
    <t>芝嵜康二</t>
  </si>
  <si>
    <t>（株）Ａ・Ｋ産業</t>
  </si>
  <si>
    <t>小山内喜代美</t>
  </si>
  <si>
    <t>045-489-7179</t>
  </si>
  <si>
    <t>ｴｲｹｲｻﾝｷﾞｮｳ</t>
  </si>
  <si>
    <t>（株）葛飾重設</t>
  </si>
  <si>
    <t>渡邉祐大</t>
  </si>
  <si>
    <t>124-0004</t>
  </si>
  <si>
    <t>東京都葛飾区東堀切１－３－１－２０３</t>
  </si>
  <si>
    <t>070-1052-9611</t>
  </si>
  <si>
    <t>ｶﾂｼｶｼﾞｭｳｾﾂ</t>
  </si>
  <si>
    <t>（株）Ａｓｕｔｒｕｓｔ</t>
  </si>
  <si>
    <t>阿諏訪裕太</t>
  </si>
  <si>
    <t>神奈川県高座郡寒川町小谷１－５－３７森沢ビル１Ｆ</t>
  </si>
  <si>
    <t>0467-72-6217</t>
  </si>
  <si>
    <t>ｱｽﾄﾗｽﾄ</t>
  </si>
  <si>
    <t>池原定之</t>
  </si>
  <si>
    <t>（株）和順工業</t>
  </si>
  <si>
    <t>　森田剛</t>
  </si>
  <si>
    <t>神奈川県大和市下和田２３－７</t>
  </si>
  <si>
    <t>080-4404-6779</t>
  </si>
  <si>
    <t>ｶｽﾞﾉﾘｺｳｷﾞｮｳ</t>
  </si>
  <si>
    <t>森田剛</t>
  </si>
  <si>
    <t>（株）誠商事</t>
  </si>
  <si>
    <t>星野誠</t>
  </si>
  <si>
    <t>埼玉県越谷市新川町１－１２１</t>
  </si>
  <si>
    <t>080-4448-9888</t>
  </si>
  <si>
    <t>ﾏｺﾄｼｮｳｼﾞ</t>
  </si>
  <si>
    <t>（株）石星重工</t>
  </si>
  <si>
    <t>石坂快斗</t>
  </si>
  <si>
    <t>神奈川県横浜市旭区上白根町１３２－１８</t>
  </si>
  <si>
    <t>080-9039-1001</t>
  </si>
  <si>
    <t>ｲｼﾎｼｼﾞｭｳｺｳ</t>
  </si>
  <si>
    <t>（株）ゼロワン</t>
  </si>
  <si>
    <t>山瀬心輝</t>
  </si>
  <si>
    <t>神奈川県横浜市都筑区中川中央２－５－１３メルヴューサガノ１０３号室</t>
  </si>
  <si>
    <t>045-534-7450</t>
  </si>
  <si>
    <t>ｾﾞﾛﾜﾝ</t>
  </si>
  <si>
    <t>亥角祐哉</t>
  </si>
  <si>
    <t>（株）あおぞら</t>
  </si>
  <si>
    <t>内藤武夫</t>
  </si>
  <si>
    <t>230-0062</t>
  </si>
  <si>
    <t>神奈川県横浜市鶴見区豊岡町３－２８第二竹内ビル７０５号室</t>
  </si>
  <si>
    <t>045-872-5796</t>
  </si>
  <si>
    <t>ｱｵｿﾞﾗ</t>
  </si>
  <si>
    <t>（株）ファンアール</t>
  </si>
  <si>
    <t>セーンパック・アピラック</t>
  </si>
  <si>
    <t>252-1133</t>
  </si>
  <si>
    <t>神奈川県綾瀬市寺尾本町３－８－１５－１</t>
  </si>
  <si>
    <t>0467-76-5611</t>
  </si>
  <si>
    <t>ﾌｧﾝｱｰﾙ</t>
  </si>
  <si>
    <t>（同）縁重</t>
  </si>
  <si>
    <t>穂苅樹里</t>
  </si>
  <si>
    <t>240-0104</t>
  </si>
  <si>
    <t>神奈川県横須賀市芦名１－２９－１３－３</t>
  </si>
  <si>
    <t>080-3458-4983</t>
  </si>
  <si>
    <t>ｴﾝｼﾞｭｳ</t>
  </si>
  <si>
    <t>穂苅和之</t>
  </si>
  <si>
    <t>（株）創</t>
  </si>
  <si>
    <t>田中一</t>
  </si>
  <si>
    <t>221-0013</t>
  </si>
  <si>
    <t>神奈川県横浜市神奈川区新子安１－２７－１７エンゼルハイム新子安４０１号</t>
  </si>
  <si>
    <t>080-8830-0102</t>
  </si>
  <si>
    <t>ｿｳ</t>
  </si>
  <si>
    <t>（株）タイヨウ</t>
  </si>
  <si>
    <t>バリバイヴェラト</t>
  </si>
  <si>
    <t>埼玉県川口市大字安行領根岸２２４６－４</t>
  </si>
  <si>
    <t>（株）ＮＳＲ　ＨＯＭＥ</t>
  </si>
  <si>
    <t>　中村徹</t>
  </si>
  <si>
    <t>243-0031</t>
  </si>
  <si>
    <t>神奈川県厚木市戸室１－１０－５ロイヤルハイツ甲子Ａ３０１号室</t>
  </si>
  <si>
    <t>080-1155-1685</t>
  </si>
  <si>
    <t>ｴﾇｴｽｱｰﾙﾎｰﾑ</t>
  </si>
  <si>
    <t>中村徹</t>
  </si>
  <si>
    <t>エコ東京（株）</t>
  </si>
  <si>
    <t>上田伸</t>
  </si>
  <si>
    <t>152-0031</t>
  </si>
  <si>
    <t>東京都目黒区中根２－４－１７</t>
  </si>
  <si>
    <t>03-5726-8300</t>
  </si>
  <si>
    <t>ｴｺﾄｳｷｮｳ</t>
  </si>
  <si>
    <t>篠﨑剛</t>
  </si>
  <si>
    <t>（株）クイック</t>
  </si>
  <si>
    <t>小島明</t>
  </si>
  <si>
    <t>300-1531</t>
  </si>
  <si>
    <t>茨城県取手市小浮気８３０－１</t>
  </si>
  <si>
    <t>0297-85-6435</t>
  </si>
  <si>
    <t>ｸｲｯｸ</t>
  </si>
  <si>
    <t>鈴木龍也</t>
  </si>
  <si>
    <t>（株）Ｇｅｒｅｇｅ　Ｍｏｎｇｏｌｉａ</t>
  </si>
  <si>
    <t>ラハグワスレンダワースレン</t>
  </si>
  <si>
    <t>130-0026</t>
  </si>
  <si>
    <t>東京都墨田区両国２－２１－５両国ダイカンプラザ６０６</t>
  </si>
  <si>
    <t>03-6659-2925</t>
  </si>
  <si>
    <t>ｹﾞﾚｹﾞﾓﾝｺﾞﾘｲｱ</t>
  </si>
  <si>
    <t>ＡＬＴＡＮＧＥＲＥＬＢＡＹＡＮＭＵＮＫＨ</t>
  </si>
  <si>
    <t>（有）髙橋美研解体</t>
  </si>
  <si>
    <t>髙橋千章</t>
  </si>
  <si>
    <t>194-0204</t>
  </si>
  <si>
    <t>東京都町田市小山田桜台１－１１－７５－５０１</t>
  </si>
  <si>
    <t>042-860-0080</t>
  </si>
  <si>
    <t>ﾀｶﾊｼﾋﾞｹﾝｶｲﾀｲ</t>
  </si>
  <si>
    <t>（株）西村工業</t>
  </si>
  <si>
    <t>神奈川県藤沢市鵠沼石上２－５－１湘南鵠沼ビル３階Ｃ号室</t>
  </si>
  <si>
    <t>046-696-0528</t>
  </si>
  <si>
    <t>ﾆｼﾑﾗｺｳｷﾞｮｳ</t>
  </si>
  <si>
    <t>（有）エコプラン</t>
  </si>
  <si>
    <t>家弓毅</t>
  </si>
  <si>
    <t>358-0033</t>
  </si>
  <si>
    <t>埼玉県入間市狭山台３－７－７及び８</t>
  </si>
  <si>
    <t>042-935-1800</t>
  </si>
  <si>
    <t>ｴｺﾌﾟﾗﾝ</t>
  </si>
  <si>
    <t>近藤利樹</t>
  </si>
  <si>
    <t>（株）ネクサス</t>
  </si>
  <si>
    <t>縄田睦</t>
  </si>
  <si>
    <t>神奈川県横浜市港南区港南台７－１５－２７レヂデンス港南台１０７</t>
  </si>
  <si>
    <t>090-3574-8809</t>
  </si>
  <si>
    <t>（株）萬吉</t>
  </si>
  <si>
    <t>任俊</t>
  </si>
  <si>
    <t>252-1111</t>
  </si>
  <si>
    <t>神奈川県綾瀬市上土棚北３－１５－４８</t>
  </si>
  <si>
    <t>046-773-9276</t>
  </si>
  <si>
    <t>ﾏﾝｷﾁ</t>
  </si>
  <si>
    <t>（同）塩谷鈴木工業</t>
  </si>
  <si>
    <t>鈴木シロ</t>
  </si>
  <si>
    <t>神奈川県厚木市三田堰端２５５４－１部</t>
  </si>
  <si>
    <t>080-4931-1214</t>
  </si>
  <si>
    <t>ｼｵﾔｽｽﾞｷｺｳｷﾞｮｳ</t>
  </si>
  <si>
    <t>塩谷ホアン</t>
  </si>
  <si>
    <t>（有）杉本組</t>
  </si>
  <si>
    <t>杉本尚也</t>
  </si>
  <si>
    <t>409-0112</t>
  </si>
  <si>
    <t>山梨県上野原市上野原４１８－１</t>
  </si>
  <si>
    <t>0554-62-4493</t>
  </si>
  <si>
    <t>ｽｷﾞﾓﾄｸﾞﾐ</t>
  </si>
  <si>
    <t>楠原興運（株）</t>
  </si>
  <si>
    <t>楠原一樹</t>
  </si>
  <si>
    <t>230-0036</t>
  </si>
  <si>
    <t>神奈川県横浜市鶴見区浜町１－６－９</t>
  </si>
  <si>
    <t>045-521-9281</t>
  </si>
  <si>
    <t>ｸｽﾊﾗｺｳｳﾝ</t>
  </si>
  <si>
    <t>髙田衛</t>
  </si>
  <si>
    <t>直道（株）</t>
  </si>
  <si>
    <t>宮内直也</t>
  </si>
  <si>
    <t>埼玉県川口市道合２７９－５</t>
  </si>
  <si>
    <t>048-286-3146</t>
  </si>
  <si>
    <t>ﾅｵﾐﾁ</t>
  </si>
  <si>
    <t>（同）ワンブレイク</t>
  </si>
  <si>
    <t>堀部治</t>
  </si>
  <si>
    <t>340-0021</t>
  </si>
  <si>
    <t>埼玉県草加市手代１－１８－３５</t>
  </si>
  <si>
    <t>090-2147-0261</t>
  </si>
  <si>
    <t>ﾜﾝﾌﾞﾚｲｸ</t>
  </si>
  <si>
    <t>ＭＥＫＳＥＬＩＮＡ（株）</t>
  </si>
  <si>
    <t>ユルドゥルムゼイネプ</t>
  </si>
  <si>
    <t>367-0241</t>
  </si>
  <si>
    <t>埼玉県児玉郡神川町大字元原１０－３平成荘Ａー５号</t>
  </si>
  <si>
    <t>080-3553-0202</t>
  </si>
  <si>
    <t>ﾒｷｾﾘﾅ</t>
  </si>
  <si>
    <t>田中京子</t>
  </si>
  <si>
    <t>（株）ＫＳＫ</t>
  </si>
  <si>
    <t>奥田啓介</t>
  </si>
  <si>
    <t>東京都北区滝野川１－４０－５カーサ栄３０１</t>
  </si>
  <si>
    <t>090-7914-3502</t>
  </si>
  <si>
    <t>ｹｰｴｽｹｰ</t>
  </si>
  <si>
    <t>（株）ＹＫＴＳ</t>
  </si>
  <si>
    <t>小金井秀一</t>
  </si>
  <si>
    <t>247-0028</t>
  </si>
  <si>
    <t>神奈川県横浜市栄区亀井町４－３５</t>
  </si>
  <si>
    <t>045-435-9222</t>
  </si>
  <si>
    <t>ﾜｲｹｲﾃｨｴｽ</t>
  </si>
  <si>
    <t>小金井明美</t>
  </si>
  <si>
    <t>Ｍ－ＪＹ　Ｐｌａｎｎｉｎｇ＆Ｄｅｖｅｌｏｐｍｅｎｔ　森田　優</t>
  </si>
  <si>
    <t>358-0023</t>
  </si>
  <si>
    <t>埼玉県入間市扇台５－１０－５</t>
  </si>
  <si>
    <t>090-3406-3187</t>
  </si>
  <si>
    <t>ｴﾑｼﾞｰﾌﾟﾗﾝﾆﾝｸﾞｱﾝﾄﾞﾃﾞﾍﾞﾛｯﾌﾟﾒﾝﾄ ﾓﾘﾀ ﾏｻﾙ</t>
  </si>
  <si>
    <t>森田優</t>
  </si>
  <si>
    <t>緒興業（株）</t>
  </si>
  <si>
    <t>メリチ・ウフク</t>
  </si>
  <si>
    <t>埼玉県さいたま市見沼区大字御蔵９６４</t>
  </si>
  <si>
    <t>080-8775-2099</t>
  </si>
  <si>
    <t>ｲﾄｸﾞﾁｺｳｷﾞｮｳ</t>
  </si>
  <si>
    <t>（株）東照</t>
  </si>
  <si>
    <t>奈良岡星哉</t>
  </si>
  <si>
    <t>東京都江戸川区松江２－１５－２</t>
  </si>
  <si>
    <t>03-6240-5871</t>
  </si>
  <si>
    <t>ﾄｳｼｮｳ</t>
  </si>
  <si>
    <t>（株）マック・テックス</t>
  </si>
  <si>
    <t>眞木和彦</t>
  </si>
  <si>
    <t>359-0024</t>
  </si>
  <si>
    <t>埼玉県所沢市大字下安松８４７－４９</t>
  </si>
  <si>
    <t>090-2658-0556</t>
  </si>
  <si>
    <t>ﾏｯｸﾃｯｸｽ</t>
  </si>
  <si>
    <t>ＩＮＴＥＬＬＡＴＩＮＯ（同）</t>
  </si>
  <si>
    <t>屋宜アルフレド</t>
  </si>
  <si>
    <t>245-0017</t>
  </si>
  <si>
    <t>神奈川県横浜市泉区下飯田町７０５－１</t>
  </si>
  <si>
    <t>080-5486-5554</t>
  </si>
  <si>
    <t>ｲﾝﾃﾙﾗﾃｨﾉｺﾞｳﾄﾞｳｶﾞｲｼｬ</t>
  </si>
  <si>
    <t>解体工事業登録業者名簿【五十音順】（神奈川県知事登録・令和７年12月末現在）</t>
    <rPh sb="0" eb="2">
      <t>カイタイ</t>
    </rPh>
    <rPh sb="2" eb="4">
      <t>コウジ</t>
    </rPh>
    <rPh sb="4" eb="5">
      <t>ギョウ</t>
    </rPh>
    <rPh sb="5" eb="7">
      <t>トウロク</t>
    </rPh>
    <rPh sb="7" eb="8">
      <t>ギョウ</t>
    </rPh>
    <rPh sb="8" eb="9">
      <t>シャ</t>
    </rPh>
    <rPh sb="9" eb="11">
      <t>メイボ</t>
    </rPh>
    <rPh sb="12" eb="15">
      <t>ゴジュウオン</t>
    </rPh>
    <rPh sb="15" eb="16">
      <t>ジュン</t>
    </rPh>
    <rPh sb="18" eb="21">
      <t>カナガワ</t>
    </rPh>
    <rPh sb="21" eb="24">
      <t>ケンチジ</t>
    </rPh>
    <rPh sb="24" eb="26">
      <t>トウロク</t>
    </rPh>
    <rPh sb="27" eb="28">
      <t>レイ</t>
    </rPh>
    <rPh sb="28" eb="29">
      <t>ワ</t>
    </rPh>
    <rPh sb="30" eb="31">
      <t>ネン</t>
    </rPh>
    <rPh sb="33" eb="34">
      <t>ガツ</t>
    </rPh>
    <rPh sb="34" eb="35">
      <t>マツ</t>
    </rPh>
    <rPh sb="35" eb="37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e\.m\.d;@"/>
  </numFmts>
  <fonts count="6" x14ac:knownFonts="1">
    <font>
      <sz val="12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  <scheme val="major"/>
    </font>
    <font>
      <sz val="6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0"/>
      <color theme="1"/>
      <name val="ＭＳ Ｐゴシック"/>
      <family val="3"/>
      <charset val="128"/>
      <scheme val="major"/>
    </font>
    <font>
      <sz val="10"/>
      <color theme="1"/>
      <name val="ＭＳ 明朝"/>
      <family val="2"/>
      <charset val="12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</borders>
  <cellStyleXfs count="1">
    <xf numFmtId="0" fontId="0" fillId="0" borderId="0">
      <alignment vertical="center"/>
    </xf>
  </cellStyleXfs>
  <cellXfs count="18">
    <xf numFmtId="0" fontId="0" fillId="0" borderId="0" xfId="0">
      <alignment vertical="center"/>
    </xf>
    <xf numFmtId="0" fontId="1" fillId="0" borderId="0" xfId="0" applyFont="1" applyAlignment="1">
      <alignment horizontal="left" indent="1"/>
    </xf>
    <xf numFmtId="0" fontId="3" fillId="0" borderId="0" xfId="0" applyFont="1" applyAlignment="1">
      <alignment horizontal="center"/>
    </xf>
    <xf numFmtId="0" fontId="3" fillId="0" borderId="0" xfId="0" applyFont="1" applyAlignment="1">
      <alignment horizontal="center" vertical="center" shrinkToFit="1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horizontal="center" vertical="center" shrinkToFit="1"/>
    </xf>
    <xf numFmtId="0" fontId="3" fillId="0" borderId="0" xfId="0" applyFont="1">
      <alignment vertical="center"/>
    </xf>
    <xf numFmtId="0" fontId="4" fillId="2" borderId="1" xfId="0" applyFont="1" applyFill="1" applyBorder="1" applyAlignment="1">
      <alignment horizontal="center" vertical="center" wrapText="1" shrinkToFit="1"/>
    </xf>
    <xf numFmtId="0" fontId="4" fillId="2" borderId="1" xfId="0" applyFont="1" applyFill="1" applyBorder="1" applyAlignment="1">
      <alignment horizontal="center" vertical="center" shrinkToFit="1"/>
    </xf>
    <xf numFmtId="176" fontId="4" fillId="2" borderId="1" xfId="0" applyNumberFormat="1" applyFont="1" applyFill="1" applyBorder="1" applyAlignment="1">
      <alignment horizontal="center" vertical="center" wrapText="1" shrinkToFit="1"/>
    </xf>
    <xf numFmtId="0" fontId="3" fillId="0" borderId="1" xfId="0" applyFont="1" applyBorder="1" applyAlignment="1">
      <alignment horizontal="center" vertical="center" shrinkToFit="1"/>
    </xf>
    <xf numFmtId="176" fontId="3" fillId="0" borderId="1" xfId="0" applyNumberFormat="1" applyFont="1" applyBorder="1" applyAlignment="1">
      <alignment horizontal="center" vertical="center" shrinkToFit="1"/>
    </xf>
    <xf numFmtId="176" fontId="5" fillId="0" borderId="1" xfId="0" applyNumberFormat="1" applyFont="1" applyBorder="1" applyAlignment="1">
      <alignment horizontal="center" vertical="center" shrinkToFit="1"/>
    </xf>
    <xf numFmtId="0" fontId="3" fillId="0" borderId="1" xfId="0" applyFont="1" applyBorder="1" applyAlignment="1">
      <alignment vertical="center" shrinkToFit="1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 shrinkToFit="1"/>
    </xf>
    <xf numFmtId="176" fontId="3" fillId="0" borderId="2" xfId="0" applyNumberFormat="1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1BFD7B6-2B54-4D98-A42C-DD873BEF8C79}">
  <sheetPr>
    <pageSetUpPr fitToPage="1"/>
  </sheetPr>
  <dimension ref="A1:I1549"/>
  <sheetViews>
    <sheetView showGridLines="0" tabSelected="1" zoomScaleNormal="100" workbookViewId="0"/>
  </sheetViews>
  <sheetFormatPr defaultColWidth="8.69921875" defaultRowHeight="12" x14ac:dyDescent="0.2"/>
  <cols>
    <col min="1" max="1" width="4.59765625" style="6" customWidth="1"/>
    <col min="2" max="2" width="31.19921875" style="4" customWidth="1"/>
    <col min="3" max="3" width="17.3984375" style="3" customWidth="1"/>
    <col min="4" max="4" width="8.8984375" style="4" customWidth="1"/>
    <col min="5" max="5" width="40.59765625" style="3" customWidth="1"/>
    <col min="6" max="6" width="12.19921875" style="3" bestFit="1" customWidth="1"/>
    <col min="7" max="7" width="25.59765625" style="3" customWidth="1"/>
    <col min="8" max="8" width="15.69921875" style="3" customWidth="1"/>
    <col min="9" max="9" width="13.8984375" style="5" bestFit="1" customWidth="1"/>
    <col min="10" max="16384" width="8.69921875" style="6"/>
  </cols>
  <sheetData>
    <row r="1" spans="1:9" ht="14.4" x14ac:dyDescent="0.2">
      <c r="A1" s="1" t="s">
        <v>9331</v>
      </c>
      <c r="B1" s="2"/>
    </row>
    <row r="2" spans="1:9" ht="24" x14ac:dyDescent="0.2">
      <c r="A2" s="7" t="s">
        <v>0</v>
      </c>
      <c r="B2" s="8" t="s">
        <v>1</v>
      </c>
      <c r="C2" s="8" t="s">
        <v>2</v>
      </c>
      <c r="D2" s="8" t="s">
        <v>3</v>
      </c>
      <c r="E2" s="8" t="s">
        <v>4</v>
      </c>
      <c r="F2" s="8" t="s">
        <v>5</v>
      </c>
      <c r="G2" s="8" t="s">
        <v>6</v>
      </c>
      <c r="H2" s="8" t="s">
        <v>7</v>
      </c>
      <c r="I2" s="9" t="s">
        <v>8</v>
      </c>
    </row>
    <row r="3" spans="1:9" x14ac:dyDescent="0.2">
      <c r="A3" s="10">
        <v>2011</v>
      </c>
      <c r="B3" s="10" t="s">
        <v>1691</v>
      </c>
      <c r="C3" s="10" t="s">
        <v>35</v>
      </c>
      <c r="D3" s="10" t="s">
        <v>1692</v>
      </c>
      <c r="E3" s="10" t="s">
        <v>1693</v>
      </c>
      <c r="F3" s="10" t="s">
        <v>1694</v>
      </c>
      <c r="G3" s="10" t="s">
        <v>1695</v>
      </c>
      <c r="H3" s="10" t="s">
        <v>1696</v>
      </c>
      <c r="I3" s="11">
        <v>45340</v>
      </c>
    </row>
    <row r="4" spans="1:9" x14ac:dyDescent="0.2">
      <c r="A4" s="10">
        <v>3096</v>
      </c>
      <c r="B4" s="10" t="s">
        <v>6348</v>
      </c>
      <c r="C4" s="10" t="s">
        <v>6349</v>
      </c>
      <c r="D4" s="10" t="s">
        <v>6350</v>
      </c>
      <c r="E4" s="10" t="s">
        <v>6351</v>
      </c>
      <c r="F4" s="10" t="s">
        <v>6352</v>
      </c>
      <c r="G4" s="10" t="s">
        <v>6353</v>
      </c>
      <c r="H4" s="10" t="s">
        <v>6354</v>
      </c>
      <c r="I4" s="11">
        <v>45285</v>
      </c>
    </row>
    <row r="5" spans="1:9" x14ac:dyDescent="0.2">
      <c r="A5" s="10">
        <v>2429</v>
      </c>
      <c r="B5" s="10" t="s">
        <v>2734</v>
      </c>
      <c r="C5" s="10" t="s">
        <v>35</v>
      </c>
      <c r="D5" s="10" t="s">
        <v>2735</v>
      </c>
      <c r="E5" s="10" t="s">
        <v>2736</v>
      </c>
      <c r="F5" s="10" t="s">
        <v>2737</v>
      </c>
      <c r="G5" s="10" t="s">
        <v>2738</v>
      </c>
      <c r="H5" s="10" t="s">
        <v>2739</v>
      </c>
      <c r="I5" s="11">
        <v>44270</v>
      </c>
    </row>
    <row r="6" spans="1:9" x14ac:dyDescent="0.2">
      <c r="A6" s="10">
        <v>2512</v>
      </c>
      <c r="B6" s="10" t="s">
        <v>3170</v>
      </c>
      <c r="C6" s="10" t="s">
        <v>3171</v>
      </c>
      <c r="D6" s="10" t="s">
        <v>3172</v>
      </c>
      <c r="E6" s="10" t="s">
        <v>3173</v>
      </c>
      <c r="F6" s="10" t="s">
        <v>3174</v>
      </c>
      <c r="G6" s="10" t="s">
        <v>3175</v>
      </c>
      <c r="H6" s="10" t="s">
        <v>3176</v>
      </c>
      <c r="I6" s="11">
        <v>44354</v>
      </c>
    </row>
    <row r="7" spans="1:9" x14ac:dyDescent="0.2">
      <c r="A7" s="10">
        <v>2822</v>
      </c>
      <c r="B7" s="10" t="s">
        <v>4825</v>
      </c>
      <c r="C7" s="10" t="s">
        <v>35</v>
      </c>
      <c r="D7" s="10" t="s">
        <v>4826</v>
      </c>
      <c r="E7" s="10" t="s">
        <v>4827</v>
      </c>
      <c r="F7" s="10" t="s">
        <v>4828</v>
      </c>
      <c r="G7" s="10" t="s">
        <v>4829</v>
      </c>
      <c r="H7" s="10" t="s">
        <v>4830</v>
      </c>
      <c r="I7" s="11">
        <v>44879</v>
      </c>
    </row>
    <row r="8" spans="1:9" x14ac:dyDescent="0.2">
      <c r="A8" s="14">
        <v>3551</v>
      </c>
      <c r="B8" s="15" t="s">
        <v>8886</v>
      </c>
      <c r="C8" s="10" t="s">
        <v>8887</v>
      </c>
      <c r="D8" s="15" t="s">
        <v>8888</v>
      </c>
      <c r="E8" s="10" t="s">
        <v>8889</v>
      </c>
      <c r="F8" s="10" t="s">
        <v>8890</v>
      </c>
      <c r="G8" s="10" t="s">
        <v>8891</v>
      </c>
      <c r="H8" s="10" t="s">
        <v>8892</v>
      </c>
      <c r="I8" s="11">
        <v>45911</v>
      </c>
    </row>
    <row r="9" spans="1:9" x14ac:dyDescent="0.2">
      <c r="A9" s="10">
        <v>2621</v>
      </c>
      <c r="B9" s="10" t="s">
        <v>3733</v>
      </c>
      <c r="C9" s="10" t="s">
        <v>3734</v>
      </c>
      <c r="D9" s="10" t="s">
        <v>297</v>
      </c>
      <c r="E9" s="10" t="s">
        <v>3735</v>
      </c>
      <c r="F9" s="10" t="s">
        <v>3736</v>
      </c>
      <c r="G9" s="10" t="s">
        <v>3737</v>
      </c>
      <c r="H9" s="10" t="s">
        <v>3734</v>
      </c>
      <c r="I9" s="11">
        <v>44578</v>
      </c>
    </row>
    <row r="10" spans="1:9" x14ac:dyDescent="0.2">
      <c r="A10" s="13">
        <v>3422</v>
      </c>
      <c r="B10" s="10" t="s">
        <v>8167</v>
      </c>
      <c r="C10" s="10" t="s">
        <v>8168</v>
      </c>
      <c r="D10" s="10" t="s">
        <v>746</v>
      </c>
      <c r="E10" s="10" t="s">
        <v>8169</v>
      </c>
      <c r="F10" s="10" t="s">
        <v>8170</v>
      </c>
      <c r="G10" s="10" t="s">
        <v>8171</v>
      </c>
      <c r="H10" s="10" t="s">
        <v>8172</v>
      </c>
      <c r="I10" s="11">
        <v>45729</v>
      </c>
    </row>
    <row r="11" spans="1:9" x14ac:dyDescent="0.2">
      <c r="A11" s="10">
        <v>3402</v>
      </c>
      <c r="B11" s="10" t="s">
        <v>8049</v>
      </c>
      <c r="C11" s="10" t="s">
        <v>8050</v>
      </c>
      <c r="D11" s="10" t="s">
        <v>5712</v>
      </c>
      <c r="E11" s="10" t="s">
        <v>8051</v>
      </c>
      <c r="F11" s="10" t="s">
        <v>8052</v>
      </c>
      <c r="G11" s="10" t="s">
        <v>8053</v>
      </c>
      <c r="H11" s="10" t="s">
        <v>8054</v>
      </c>
      <c r="I11" s="11">
        <v>45698</v>
      </c>
    </row>
    <row r="12" spans="1:9" x14ac:dyDescent="0.2">
      <c r="A12" s="10">
        <v>2907</v>
      </c>
      <c r="B12" s="10" t="s">
        <v>5308</v>
      </c>
      <c r="C12" s="10" t="s">
        <v>5309</v>
      </c>
      <c r="D12" s="10" t="s">
        <v>3090</v>
      </c>
      <c r="E12" s="10" t="s">
        <v>5310</v>
      </c>
      <c r="F12" s="10" t="s">
        <v>5311</v>
      </c>
      <c r="G12" s="10" t="s">
        <v>5312</v>
      </c>
      <c r="H12" s="10" t="s">
        <v>5309</v>
      </c>
      <c r="I12" s="11">
        <v>45043</v>
      </c>
    </row>
    <row r="13" spans="1:9" x14ac:dyDescent="0.2">
      <c r="A13" s="10">
        <v>1848</v>
      </c>
      <c r="B13" s="10" t="s">
        <v>1372</v>
      </c>
      <c r="C13" s="10" t="s">
        <v>1373</v>
      </c>
      <c r="D13" s="10" t="s">
        <v>1374</v>
      </c>
      <c r="E13" s="10" t="s">
        <v>1375</v>
      </c>
      <c r="F13" s="10" t="s">
        <v>1376</v>
      </c>
      <c r="G13" s="10" t="s">
        <v>1377</v>
      </c>
      <c r="H13" s="10" t="s">
        <v>1373</v>
      </c>
      <c r="I13" s="11">
        <v>44962</v>
      </c>
    </row>
    <row r="14" spans="1:9" x14ac:dyDescent="0.2">
      <c r="A14" s="10">
        <v>2396</v>
      </c>
      <c r="B14" s="10" t="s">
        <v>2558</v>
      </c>
      <c r="C14" s="10" t="s">
        <v>2559</v>
      </c>
      <c r="D14" s="10" t="s">
        <v>2560</v>
      </c>
      <c r="E14" s="10" t="s">
        <v>2561</v>
      </c>
      <c r="F14" s="10" t="s">
        <v>2562</v>
      </c>
      <c r="G14" s="10" t="s">
        <v>2563</v>
      </c>
      <c r="H14" s="10" t="s">
        <v>2564</v>
      </c>
      <c r="I14" s="11">
        <v>46061</v>
      </c>
    </row>
    <row r="15" spans="1:9" x14ac:dyDescent="0.2">
      <c r="A15" s="13">
        <v>3433</v>
      </c>
      <c r="B15" s="10" t="s">
        <v>8232</v>
      </c>
      <c r="C15" s="10" t="s">
        <v>8233</v>
      </c>
      <c r="D15" s="10" t="s">
        <v>8234</v>
      </c>
      <c r="E15" s="10" t="s">
        <v>8235</v>
      </c>
      <c r="F15" s="10" t="s">
        <v>8236</v>
      </c>
      <c r="G15" s="10" t="s">
        <v>8237</v>
      </c>
      <c r="H15" s="10" t="s">
        <v>8233</v>
      </c>
      <c r="I15" s="11">
        <v>45747</v>
      </c>
    </row>
    <row r="16" spans="1:9" x14ac:dyDescent="0.2">
      <c r="A16" s="10">
        <v>2762</v>
      </c>
      <c r="B16" s="10" t="s">
        <v>4496</v>
      </c>
      <c r="C16" s="10" t="s">
        <v>4497</v>
      </c>
      <c r="D16" s="10" t="s">
        <v>2590</v>
      </c>
      <c r="E16" s="10" t="s">
        <v>4498</v>
      </c>
      <c r="F16" s="10" t="s">
        <v>4499</v>
      </c>
      <c r="G16" s="10" t="s">
        <v>4500</v>
      </c>
      <c r="H16" s="10" t="s">
        <v>4501</v>
      </c>
      <c r="I16" s="11">
        <v>44770</v>
      </c>
    </row>
    <row r="17" spans="1:9" x14ac:dyDescent="0.2">
      <c r="A17" s="10">
        <v>2259</v>
      </c>
      <c r="B17" s="10" t="s">
        <v>2165</v>
      </c>
      <c r="C17" s="10" t="s">
        <v>2166</v>
      </c>
      <c r="D17" s="10" t="s">
        <v>2167</v>
      </c>
      <c r="E17" s="10" t="s">
        <v>2168</v>
      </c>
      <c r="F17" s="10" t="s">
        <v>2169</v>
      </c>
      <c r="G17" s="10" t="s">
        <v>2170</v>
      </c>
      <c r="H17" s="10" t="s">
        <v>2166</v>
      </c>
      <c r="I17" s="11">
        <v>45833</v>
      </c>
    </row>
    <row r="18" spans="1:9" x14ac:dyDescent="0.2">
      <c r="A18" s="10">
        <v>1561</v>
      </c>
      <c r="B18" s="10" t="s">
        <v>840</v>
      </c>
      <c r="C18" s="10" t="s">
        <v>841</v>
      </c>
      <c r="D18" s="10" t="s">
        <v>842</v>
      </c>
      <c r="E18" s="10" t="s">
        <v>843</v>
      </c>
      <c r="F18" s="10" t="s">
        <v>844</v>
      </c>
      <c r="G18" s="10" t="s">
        <v>845</v>
      </c>
      <c r="H18" s="10" t="s">
        <v>841</v>
      </c>
      <c r="I18" s="11">
        <v>44306</v>
      </c>
    </row>
    <row r="19" spans="1:9" x14ac:dyDescent="0.2">
      <c r="A19" s="10">
        <v>1755</v>
      </c>
      <c r="B19" s="10" t="s">
        <v>1196</v>
      </c>
      <c r="C19" s="10" t="s">
        <v>1197</v>
      </c>
      <c r="D19" s="10" t="s">
        <v>746</v>
      </c>
      <c r="E19" s="10" t="s">
        <v>1198</v>
      </c>
      <c r="F19" s="10" t="s">
        <v>1199</v>
      </c>
      <c r="G19" s="10" t="s">
        <v>1200</v>
      </c>
      <c r="H19" s="10" t="s">
        <v>1197</v>
      </c>
      <c r="I19" s="11">
        <v>44738</v>
      </c>
    </row>
    <row r="20" spans="1:9" x14ac:dyDescent="0.2">
      <c r="A20" s="10">
        <v>3014</v>
      </c>
      <c r="B20" s="10" t="s">
        <v>5898</v>
      </c>
      <c r="C20" s="10" t="s">
        <v>5899</v>
      </c>
      <c r="D20" s="10" t="s">
        <v>4334</v>
      </c>
      <c r="E20" s="10" t="s">
        <v>5900</v>
      </c>
      <c r="F20" s="10" t="s">
        <v>5901</v>
      </c>
      <c r="G20" s="10" t="s">
        <v>5902</v>
      </c>
      <c r="H20" s="10" t="s">
        <v>5903</v>
      </c>
      <c r="I20" s="11">
        <v>45201</v>
      </c>
    </row>
    <row r="21" spans="1:9" x14ac:dyDescent="0.2">
      <c r="A21" s="10">
        <v>3094</v>
      </c>
      <c r="B21" s="10" t="s">
        <v>6337</v>
      </c>
      <c r="C21" s="10" t="s">
        <v>6338</v>
      </c>
      <c r="D21" s="10" t="s">
        <v>6339</v>
      </c>
      <c r="E21" s="10" t="s">
        <v>6340</v>
      </c>
      <c r="F21" s="10" t="s">
        <v>5901</v>
      </c>
      <c r="G21" s="10" t="s">
        <v>5902</v>
      </c>
      <c r="H21" s="10" t="s">
        <v>6341</v>
      </c>
      <c r="I21" s="11">
        <v>45281</v>
      </c>
    </row>
    <row r="22" spans="1:9" x14ac:dyDescent="0.2">
      <c r="A22" s="10">
        <v>2386</v>
      </c>
      <c r="B22" s="10" t="s">
        <v>2499</v>
      </c>
      <c r="C22" s="10" t="s">
        <v>1535</v>
      </c>
      <c r="D22" s="10" t="s">
        <v>1531</v>
      </c>
      <c r="E22" s="10" t="s">
        <v>2500</v>
      </c>
      <c r="F22" s="10" t="s">
        <v>2501</v>
      </c>
      <c r="G22" s="10" t="s">
        <v>2502</v>
      </c>
      <c r="H22" s="10" t="s">
        <v>1535</v>
      </c>
      <c r="I22" s="11">
        <v>44224</v>
      </c>
    </row>
    <row r="23" spans="1:9" x14ac:dyDescent="0.2">
      <c r="A23" s="10">
        <v>3235</v>
      </c>
      <c r="B23" s="10" t="s">
        <v>7098</v>
      </c>
      <c r="C23" s="10" t="s">
        <v>7099</v>
      </c>
      <c r="D23" s="10" t="s">
        <v>7100</v>
      </c>
      <c r="E23" s="10" t="s">
        <v>7101</v>
      </c>
      <c r="F23" s="10" t="s">
        <v>7102</v>
      </c>
      <c r="G23" s="10" t="s">
        <v>7103</v>
      </c>
      <c r="H23" s="10" t="s">
        <v>7099</v>
      </c>
      <c r="I23" s="11">
        <v>45474</v>
      </c>
    </row>
    <row r="24" spans="1:9" x14ac:dyDescent="0.2">
      <c r="A24" s="10">
        <v>2747</v>
      </c>
      <c r="B24" s="10" t="s">
        <v>4399</v>
      </c>
      <c r="C24" s="10" t="s">
        <v>4400</v>
      </c>
      <c r="D24" s="10" t="s">
        <v>4401</v>
      </c>
      <c r="E24" s="10" t="s">
        <v>4402</v>
      </c>
      <c r="F24" s="10" t="s">
        <v>4403</v>
      </c>
      <c r="G24" s="10" t="s">
        <v>4404</v>
      </c>
      <c r="H24" s="10" t="s">
        <v>4405</v>
      </c>
      <c r="I24" s="11">
        <v>44753</v>
      </c>
    </row>
    <row r="25" spans="1:9" x14ac:dyDescent="0.2">
      <c r="A25" s="10">
        <v>2601</v>
      </c>
      <c r="B25" s="10" t="s">
        <v>3627</v>
      </c>
      <c r="C25" s="10" t="s">
        <v>3628</v>
      </c>
      <c r="D25" s="10" t="s">
        <v>3629</v>
      </c>
      <c r="E25" s="10" t="s">
        <v>3630</v>
      </c>
      <c r="F25" s="10" t="s">
        <v>3631</v>
      </c>
      <c r="G25" s="10" t="s">
        <v>3632</v>
      </c>
      <c r="H25" s="10" t="s">
        <v>3628</v>
      </c>
      <c r="I25" s="11">
        <v>44536</v>
      </c>
    </row>
    <row r="26" spans="1:9" x14ac:dyDescent="0.2">
      <c r="A26" s="10">
        <v>2993</v>
      </c>
      <c r="B26" s="10" t="s">
        <v>5771</v>
      </c>
      <c r="C26" s="10" t="s">
        <v>5772</v>
      </c>
      <c r="D26" s="10" t="s">
        <v>5773</v>
      </c>
      <c r="E26" s="10" t="s">
        <v>5774</v>
      </c>
      <c r="F26" s="10" t="s">
        <v>5775</v>
      </c>
      <c r="G26" s="10" t="s">
        <v>5776</v>
      </c>
      <c r="H26" s="10" t="s">
        <v>5777</v>
      </c>
      <c r="I26" s="11">
        <v>45169</v>
      </c>
    </row>
    <row r="27" spans="1:9" x14ac:dyDescent="0.2">
      <c r="A27" s="10">
        <v>2305</v>
      </c>
      <c r="B27" s="10" t="s">
        <v>2266</v>
      </c>
      <c r="C27" s="10" t="s">
        <v>2267</v>
      </c>
      <c r="D27" s="10" t="s">
        <v>2268</v>
      </c>
      <c r="E27" s="10" t="s">
        <v>2269</v>
      </c>
      <c r="F27" s="10" t="s">
        <v>2270</v>
      </c>
      <c r="G27" s="10" t="s">
        <v>2271</v>
      </c>
      <c r="H27" s="10" t="s">
        <v>2272</v>
      </c>
      <c r="I27" s="11">
        <v>45896</v>
      </c>
    </row>
    <row r="28" spans="1:9" x14ac:dyDescent="0.2">
      <c r="A28" s="13">
        <v>3514</v>
      </c>
      <c r="B28" s="10" t="s">
        <v>8677</v>
      </c>
      <c r="C28" s="10" t="s">
        <v>8678</v>
      </c>
      <c r="D28" s="10" t="s">
        <v>8429</v>
      </c>
      <c r="E28" s="10" t="s">
        <v>8679</v>
      </c>
      <c r="F28" s="10" t="s">
        <v>8680</v>
      </c>
      <c r="G28" s="10" t="s">
        <v>8681</v>
      </c>
      <c r="H28" s="10" t="s">
        <v>8678</v>
      </c>
      <c r="I28" s="11">
        <v>45855</v>
      </c>
    </row>
    <row r="29" spans="1:9" x14ac:dyDescent="0.2">
      <c r="A29" s="10">
        <v>3171</v>
      </c>
      <c r="B29" s="10" t="s">
        <v>6749</v>
      </c>
      <c r="C29" s="10" t="s">
        <v>6750</v>
      </c>
      <c r="D29" s="10" t="s">
        <v>6751</v>
      </c>
      <c r="E29" s="10" t="s">
        <v>6752</v>
      </c>
      <c r="F29" s="10" t="s">
        <v>6753</v>
      </c>
      <c r="G29" s="10" t="s">
        <v>6754</v>
      </c>
      <c r="H29" s="10" t="s">
        <v>6750</v>
      </c>
      <c r="I29" s="11">
        <v>45376</v>
      </c>
    </row>
    <row r="30" spans="1:9" x14ac:dyDescent="0.2">
      <c r="A30" s="10">
        <v>2302</v>
      </c>
      <c r="B30" s="10" t="s">
        <v>2260</v>
      </c>
      <c r="C30" s="10" t="s">
        <v>2261</v>
      </c>
      <c r="D30" s="10" t="s">
        <v>2262</v>
      </c>
      <c r="E30" s="10" t="s">
        <v>2263</v>
      </c>
      <c r="F30" s="10" t="s">
        <v>2264</v>
      </c>
      <c r="G30" s="10" t="s">
        <v>2265</v>
      </c>
      <c r="H30" s="10" t="s">
        <v>2261</v>
      </c>
      <c r="I30" s="11">
        <v>45889</v>
      </c>
    </row>
    <row r="31" spans="1:9" x14ac:dyDescent="0.2">
      <c r="A31" s="10">
        <v>3149</v>
      </c>
      <c r="B31" s="10" t="s">
        <v>6645</v>
      </c>
      <c r="C31" s="10" t="s">
        <v>6646</v>
      </c>
      <c r="D31" s="10" t="s">
        <v>6015</v>
      </c>
      <c r="E31" s="10" t="s">
        <v>6647</v>
      </c>
      <c r="F31" s="10" t="s">
        <v>6648</v>
      </c>
      <c r="G31" s="10" t="s">
        <v>2265</v>
      </c>
      <c r="H31" s="10" t="s">
        <v>6646</v>
      </c>
      <c r="I31" s="11">
        <v>45358</v>
      </c>
    </row>
    <row r="32" spans="1:9" x14ac:dyDescent="0.2">
      <c r="A32" s="10">
        <v>1758</v>
      </c>
      <c r="B32" s="10" t="s">
        <v>1207</v>
      </c>
      <c r="C32" s="10" t="s">
        <v>35</v>
      </c>
      <c r="D32" s="10" t="s">
        <v>248</v>
      </c>
      <c r="E32" s="10" t="s">
        <v>1208</v>
      </c>
      <c r="F32" s="10" t="s">
        <v>1209</v>
      </c>
      <c r="G32" s="10" t="s">
        <v>1210</v>
      </c>
      <c r="H32" s="10" t="s">
        <v>1211</v>
      </c>
      <c r="I32" s="11">
        <v>44740</v>
      </c>
    </row>
    <row r="33" spans="1:9" x14ac:dyDescent="0.2">
      <c r="A33" s="10">
        <v>2825</v>
      </c>
      <c r="B33" s="10" t="s">
        <v>4842</v>
      </c>
      <c r="C33" s="10" t="s">
        <v>35</v>
      </c>
      <c r="D33" s="10" t="s">
        <v>144</v>
      </c>
      <c r="E33" s="10" t="s">
        <v>4843</v>
      </c>
      <c r="F33" s="10" t="s">
        <v>4844</v>
      </c>
      <c r="G33" s="10" t="s">
        <v>4845</v>
      </c>
      <c r="H33" s="10" t="s">
        <v>4846</v>
      </c>
      <c r="I33" s="11">
        <v>44889</v>
      </c>
    </row>
    <row r="34" spans="1:9" x14ac:dyDescent="0.2">
      <c r="A34" s="10">
        <v>2975</v>
      </c>
      <c r="B34" s="10" t="s">
        <v>5666</v>
      </c>
      <c r="C34" s="10" t="s">
        <v>5667</v>
      </c>
      <c r="D34" s="10" t="s">
        <v>5668</v>
      </c>
      <c r="E34" s="10" t="s">
        <v>5669</v>
      </c>
      <c r="F34" s="10" t="s">
        <v>5670</v>
      </c>
      <c r="G34" s="10" t="s">
        <v>5671</v>
      </c>
      <c r="H34" s="10" t="s">
        <v>5672</v>
      </c>
      <c r="I34" s="11">
        <v>45125</v>
      </c>
    </row>
    <row r="35" spans="1:9" x14ac:dyDescent="0.2">
      <c r="A35" s="10">
        <v>2971</v>
      </c>
      <c r="B35" s="10" t="s">
        <v>5642</v>
      </c>
      <c r="C35" s="10" t="s">
        <v>5643</v>
      </c>
      <c r="D35" s="10" t="s">
        <v>5644</v>
      </c>
      <c r="E35" s="10" t="s">
        <v>5645</v>
      </c>
      <c r="F35" s="10" t="s">
        <v>5646</v>
      </c>
      <c r="G35" s="10" t="s">
        <v>5647</v>
      </c>
      <c r="H35" s="10" t="s">
        <v>5648</v>
      </c>
      <c r="I35" s="11">
        <v>45125</v>
      </c>
    </row>
    <row r="36" spans="1:9" x14ac:dyDescent="0.2">
      <c r="A36" s="10">
        <v>1963</v>
      </c>
      <c r="B36" s="10" t="s">
        <v>1618</v>
      </c>
      <c r="C36" s="10" t="s">
        <v>1619</v>
      </c>
      <c r="D36" s="10" t="s">
        <v>1620</v>
      </c>
      <c r="E36" s="10" t="s">
        <v>1621</v>
      </c>
      <c r="F36" s="10" t="s">
        <v>1622</v>
      </c>
      <c r="G36" s="10" t="s">
        <v>1623</v>
      </c>
      <c r="H36" s="10" t="s">
        <v>1619</v>
      </c>
      <c r="I36" s="11">
        <v>45214</v>
      </c>
    </row>
    <row r="37" spans="1:9" x14ac:dyDescent="0.2">
      <c r="A37" s="10">
        <v>2544</v>
      </c>
      <c r="B37" s="10" t="s">
        <v>3317</v>
      </c>
      <c r="C37" s="10" t="s">
        <v>3318</v>
      </c>
      <c r="D37" s="10" t="s">
        <v>3319</v>
      </c>
      <c r="E37" s="10" t="s">
        <v>3320</v>
      </c>
      <c r="F37" s="10" t="s">
        <v>3321</v>
      </c>
      <c r="G37" s="10" t="s">
        <v>3322</v>
      </c>
      <c r="H37" s="10" t="s">
        <v>3323</v>
      </c>
      <c r="I37" s="11">
        <v>44403</v>
      </c>
    </row>
    <row r="38" spans="1:9" x14ac:dyDescent="0.2">
      <c r="A38" s="10">
        <v>3220</v>
      </c>
      <c r="B38" s="10" t="s">
        <v>7009</v>
      </c>
      <c r="C38" s="10" t="s">
        <v>7010</v>
      </c>
      <c r="D38" s="10" t="s">
        <v>1854</v>
      </c>
      <c r="E38" s="10" t="s">
        <v>7011</v>
      </c>
      <c r="F38" s="10" t="s">
        <v>7012</v>
      </c>
      <c r="G38" s="10" t="s">
        <v>7013</v>
      </c>
      <c r="H38" s="10" t="s">
        <v>7014</v>
      </c>
      <c r="I38" s="11">
        <v>45449</v>
      </c>
    </row>
    <row r="39" spans="1:9" x14ac:dyDescent="0.2">
      <c r="A39" s="10">
        <v>3337</v>
      </c>
      <c r="B39" s="10" t="s">
        <v>7676</v>
      </c>
      <c r="C39" s="10" t="s">
        <v>7677</v>
      </c>
      <c r="D39" s="10" t="s">
        <v>7678</v>
      </c>
      <c r="E39" s="10" t="s">
        <v>7679</v>
      </c>
      <c r="F39" s="10" t="s">
        <v>7680</v>
      </c>
      <c r="G39" s="10" t="s">
        <v>7681</v>
      </c>
      <c r="H39" s="10" t="s">
        <v>7677</v>
      </c>
      <c r="I39" s="11">
        <v>45610</v>
      </c>
    </row>
    <row r="40" spans="1:9" x14ac:dyDescent="0.2">
      <c r="A40" s="10">
        <v>2613</v>
      </c>
      <c r="B40" s="10" t="s">
        <v>3691</v>
      </c>
      <c r="C40" s="10" t="s">
        <v>3692</v>
      </c>
      <c r="D40" s="10" t="s">
        <v>3693</v>
      </c>
      <c r="E40" s="10" t="s">
        <v>3694</v>
      </c>
      <c r="F40" s="10" t="s">
        <v>3695</v>
      </c>
      <c r="G40" s="10" t="s">
        <v>3696</v>
      </c>
      <c r="H40" s="10" t="s">
        <v>3692</v>
      </c>
      <c r="I40" s="11">
        <v>44553</v>
      </c>
    </row>
    <row r="41" spans="1:9" x14ac:dyDescent="0.2">
      <c r="A41" s="10">
        <v>2794</v>
      </c>
      <c r="B41" s="10" t="s">
        <v>4665</v>
      </c>
      <c r="C41" s="10" t="s">
        <v>4666</v>
      </c>
      <c r="D41" s="10" t="s">
        <v>4667</v>
      </c>
      <c r="E41" s="10" t="s">
        <v>4668</v>
      </c>
      <c r="F41" s="10" t="s">
        <v>4669</v>
      </c>
      <c r="G41" s="10" t="s">
        <v>4670</v>
      </c>
      <c r="H41" s="10" t="s">
        <v>4666</v>
      </c>
      <c r="I41" s="11">
        <v>44830</v>
      </c>
    </row>
    <row r="42" spans="1:9" x14ac:dyDescent="0.2">
      <c r="A42" s="10">
        <v>3219</v>
      </c>
      <c r="B42" s="10" t="s">
        <v>7002</v>
      </c>
      <c r="C42" s="10" t="s">
        <v>7003</v>
      </c>
      <c r="D42" s="10" t="s">
        <v>7004</v>
      </c>
      <c r="E42" s="10" t="s">
        <v>7005</v>
      </c>
      <c r="F42" s="10" t="s">
        <v>7006</v>
      </c>
      <c r="G42" s="10" t="s">
        <v>7007</v>
      </c>
      <c r="H42" s="10" t="s">
        <v>7008</v>
      </c>
      <c r="I42" s="11">
        <v>45446</v>
      </c>
    </row>
    <row r="43" spans="1:9" x14ac:dyDescent="0.2">
      <c r="A43" s="10">
        <v>1901</v>
      </c>
      <c r="B43" s="10" t="s">
        <v>1517</v>
      </c>
      <c r="C43" s="10" t="s">
        <v>1518</v>
      </c>
      <c r="D43" s="10" t="s">
        <v>1519</v>
      </c>
      <c r="E43" s="10" t="s">
        <v>1520</v>
      </c>
      <c r="F43" s="10" t="s">
        <v>1521</v>
      </c>
      <c r="G43" s="10" t="s">
        <v>1522</v>
      </c>
      <c r="H43" s="10" t="s">
        <v>1518</v>
      </c>
      <c r="I43" s="11">
        <v>45047</v>
      </c>
    </row>
    <row r="44" spans="1:9" x14ac:dyDescent="0.2">
      <c r="A44" s="14">
        <v>3602</v>
      </c>
      <c r="B44" s="15" t="s">
        <v>9171</v>
      </c>
      <c r="C44" s="10" t="s">
        <v>9172</v>
      </c>
      <c r="D44" s="15" t="s">
        <v>9173</v>
      </c>
      <c r="E44" s="10" t="s">
        <v>9174</v>
      </c>
      <c r="F44" s="10" t="s">
        <v>9175</v>
      </c>
      <c r="G44" s="10" t="s">
        <v>9176</v>
      </c>
      <c r="H44" s="10" t="s">
        <v>9172</v>
      </c>
      <c r="I44" s="11">
        <v>45988</v>
      </c>
    </row>
    <row r="45" spans="1:9" x14ac:dyDescent="0.2">
      <c r="A45" s="10">
        <v>2385</v>
      </c>
      <c r="B45" s="10" t="s">
        <v>2492</v>
      </c>
      <c r="C45" s="10" t="s">
        <v>2493</v>
      </c>
      <c r="D45" s="10" t="s">
        <v>2494</v>
      </c>
      <c r="E45" s="10" t="s">
        <v>2495</v>
      </c>
      <c r="F45" s="10" t="s">
        <v>2496</v>
      </c>
      <c r="G45" s="10" t="s">
        <v>2497</v>
      </c>
      <c r="H45" s="10" t="s">
        <v>2498</v>
      </c>
      <c r="I45" s="11">
        <v>44203</v>
      </c>
    </row>
    <row r="46" spans="1:9" x14ac:dyDescent="0.2">
      <c r="A46" s="10">
        <v>3340</v>
      </c>
      <c r="B46" s="10" t="s">
        <v>7694</v>
      </c>
      <c r="C46" s="10" t="s">
        <v>7695</v>
      </c>
      <c r="D46" s="10" t="s">
        <v>3076</v>
      </c>
      <c r="E46" s="10" t="s">
        <v>7696</v>
      </c>
      <c r="F46" s="10" t="s">
        <v>7697</v>
      </c>
      <c r="G46" s="10" t="s">
        <v>7698</v>
      </c>
      <c r="H46" s="10" t="s">
        <v>7695</v>
      </c>
      <c r="I46" s="11">
        <v>45610</v>
      </c>
    </row>
    <row r="47" spans="1:9" x14ac:dyDescent="0.2">
      <c r="A47" s="10">
        <v>2850</v>
      </c>
      <c r="B47" s="10" t="s">
        <v>4976</v>
      </c>
      <c r="C47" s="10" t="s">
        <v>35</v>
      </c>
      <c r="D47" s="10" t="s">
        <v>4977</v>
      </c>
      <c r="E47" s="10" t="s">
        <v>4978</v>
      </c>
      <c r="F47" s="10" t="s">
        <v>4979</v>
      </c>
      <c r="G47" s="10" t="s">
        <v>4980</v>
      </c>
      <c r="H47" s="10" t="s">
        <v>4981</v>
      </c>
      <c r="I47" s="11">
        <v>44938</v>
      </c>
    </row>
    <row r="48" spans="1:9" x14ac:dyDescent="0.2">
      <c r="A48" s="13">
        <v>3468</v>
      </c>
      <c r="B48" s="10" t="s">
        <v>8417</v>
      </c>
      <c r="C48" s="10" t="s">
        <v>8418</v>
      </c>
      <c r="D48" s="10" t="s">
        <v>6158</v>
      </c>
      <c r="E48" s="10" t="s">
        <v>8419</v>
      </c>
      <c r="F48" s="10" t="s">
        <v>8420</v>
      </c>
      <c r="G48" s="10" t="s">
        <v>8421</v>
      </c>
      <c r="H48" s="10" t="s">
        <v>8422</v>
      </c>
      <c r="I48" s="11">
        <v>45785</v>
      </c>
    </row>
    <row r="49" spans="1:9" x14ac:dyDescent="0.2">
      <c r="A49" s="10">
        <v>2416</v>
      </c>
      <c r="B49" s="10" t="s">
        <v>2667</v>
      </c>
      <c r="C49" s="10" t="s">
        <v>2668</v>
      </c>
      <c r="D49" s="10" t="s">
        <v>2601</v>
      </c>
      <c r="E49" s="10" t="s">
        <v>2669</v>
      </c>
      <c r="F49" s="10" t="s">
        <v>2670</v>
      </c>
      <c r="G49" s="10" t="s">
        <v>2671</v>
      </c>
      <c r="H49" s="10" t="s">
        <v>2672</v>
      </c>
      <c r="I49" s="11">
        <v>44263</v>
      </c>
    </row>
    <row r="50" spans="1:9" x14ac:dyDescent="0.2">
      <c r="A50" s="10">
        <v>1945</v>
      </c>
      <c r="B50" s="10" t="s">
        <v>1585</v>
      </c>
      <c r="C50" s="10" t="s">
        <v>1586</v>
      </c>
      <c r="D50" s="10" t="s">
        <v>1587</v>
      </c>
      <c r="E50" s="10" t="s">
        <v>1588</v>
      </c>
      <c r="F50" s="10" t="s">
        <v>1589</v>
      </c>
      <c r="G50" s="10" t="s">
        <v>1590</v>
      </c>
      <c r="H50" s="10" t="s">
        <v>1586</v>
      </c>
      <c r="I50" s="11">
        <v>45179</v>
      </c>
    </row>
    <row r="51" spans="1:9" x14ac:dyDescent="0.2">
      <c r="A51" s="10">
        <v>2790</v>
      </c>
      <c r="B51" s="10" t="s">
        <v>4641</v>
      </c>
      <c r="C51" s="10" t="s">
        <v>4642</v>
      </c>
      <c r="D51" s="10" t="s">
        <v>4643</v>
      </c>
      <c r="E51" s="10" t="s">
        <v>4644</v>
      </c>
      <c r="F51" s="10" t="s">
        <v>4645</v>
      </c>
      <c r="G51" s="10" t="s">
        <v>4646</v>
      </c>
      <c r="H51" s="10" t="s">
        <v>4642</v>
      </c>
      <c r="I51" s="11">
        <v>44826</v>
      </c>
    </row>
    <row r="52" spans="1:9" x14ac:dyDescent="0.2">
      <c r="A52" s="10">
        <v>2494</v>
      </c>
      <c r="B52" s="10" t="s">
        <v>3074</v>
      </c>
      <c r="C52" s="10" t="s">
        <v>3075</v>
      </c>
      <c r="D52" s="10" t="s">
        <v>3076</v>
      </c>
      <c r="E52" s="10" t="s">
        <v>3077</v>
      </c>
      <c r="F52" s="10" t="s">
        <v>3078</v>
      </c>
      <c r="G52" s="10" t="s">
        <v>3079</v>
      </c>
      <c r="H52" s="10" t="s">
        <v>3080</v>
      </c>
      <c r="I52" s="11">
        <v>44336</v>
      </c>
    </row>
    <row r="53" spans="1:9" x14ac:dyDescent="0.2">
      <c r="A53" s="14">
        <v>3562</v>
      </c>
      <c r="B53" s="15" t="s">
        <v>8954</v>
      </c>
      <c r="C53" s="10" t="s">
        <v>8955</v>
      </c>
      <c r="D53" s="15" t="s">
        <v>8956</v>
      </c>
      <c r="E53" s="10" t="s">
        <v>8957</v>
      </c>
      <c r="F53" s="10" t="s">
        <v>8958</v>
      </c>
      <c r="G53" s="10" t="s">
        <v>8959</v>
      </c>
      <c r="H53" s="10" t="s">
        <v>8955</v>
      </c>
      <c r="I53" s="11">
        <v>45939</v>
      </c>
    </row>
    <row r="54" spans="1:9" x14ac:dyDescent="0.2">
      <c r="A54" s="10">
        <v>1888</v>
      </c>
      <c r="B54" s="10" t="s">
        <v>1471</v>
      </c>
      <c r="C54" s="10" t="s">
        <v>35</v>
      </c>
      <c r="D54" s="10" t="s">
        <v>1472</v>
      </c>
      <c r="E54" s="10" t="s">
        <v>1473</v>
      </c>
      <c r="F54" s="10" t="s">
        <v>1474</v>
      </c>
      <c r="G54" s="10" t="s">
        <v>1475</v>
      </c>
      <c r="H54" s="10" t="s">
        <v>1476</v>
      </c>
      <c r="I54" s="11">
        <v>45032</v>
      </c>
    </row>
    <row r="55" spans="1:9" x14ac:dyDescent="0.2">
      <c r="A55" s="10">
        <v>3156</v>
      </c>
      <c r="B55" s="10" t="s">
        <v>6678</v>
      </c>
      <c r="C55" s="10" t="s">
        <v>6679</v>
      </c>
      <c r="D55" s="10" t="s">
        <v>6680</v>
      </c>
      <c r="E55" s="10" t="s">
        <v>6681</v>
      </c>
      <c r="F55" s="10" t="s">
        <v>6682</v>
      </c>
      <c r="G55" s="10" t="s">
        <v>6683</v>
      </c>
      <c r="H55" s="10" t="s">
        <v>6679</v>
      </c>
      <c r="I55" s="11">
        <v>45372</v>
      </c>
    </row>
    <row r="56" spans="1:9" x14ac:dyDescent="0.2">
      <c r="A56" s="10">
        <v>2500</v>
      </c>
      <c r="B56" s="10" t="s">
        <v>3106</v>
      </c>
      <c r="C56" s="10" t="s">
        <v>35</v>
      </c>
      <c r="D56" s="10" t="s">
        <v>3107</v>
      </c>
      <c r="E56" s="10" t="s">
        <v>3108</v>
      </c>
      <c r="F56" s="10" t="s">
        <v>3109</v>
      </c>
      <c r="G56" s="10" t="s">
        <v>3110</v>
      </c>
      <c r="H56" s="10" t="s">
        <v>3111</v>
      </c>
      <c r="I56" s="11">
        <v>44336</v>
      </c>
    </row>
    <row r="57" spans="1:9" x14ac:dyDescent="0.2">
      <c r="A57" s="10">
        <v>3011</v>
      </c>
      <c r="B57" s="10" t="s">
        <v>5886</v>
      </c>
      <c r="C57" s="10" t="s">
        <v>5887</v>
      </c>
      <c r="D57" s="10" t="s">
        <v>5888</v>
      </c>
      <c r="E57" s="10" t="s">
        <v>5889</v>
      </c>
      <c r="F57" s="10" t="s">
        <v>5890</v>
      </c>
      <c r="G57" s="10" t="s">
        <v>5891</v>
      </c>
      <c r="H57" s="10" t="s">
        <v>5892</v>
      </c>
      <c r="I57" s="11">
        <v>45197</v>
      </c>
    </row>
    <row r="58" spans="1:9" x14ac:dyDescent="0.2">
      <c r="A58" s="10">
        <v>3077</v>
      </c>
      <c r="B58" s="10" t="s">
        <v>6237</v>
      </c>
      <c r="C58" s="10" t="s">
        <v>6238</v>
      </c>
      <c r="D58" s="10" t="s">
        <v>6239</v>
      </c>
      <c r="E58" s="10" t="s">
        <v>6240</v>
      </c>
      <c r="F58" s="10" t="s">
        <v>6241</v>
      </c>
      <c r="G58" s="10" t="s">
        <v>6242</v>
      </c>
      <c r="H58" s="10" t="s">
        <v>6238</v>
      </c>
      <c r="I58" s="11">
        <v>45267</v>
      </c>
    </row>
    <row r="59" spans="1:9" x14ac:dyDescent="0.2">
      <c r="A59" s="10">
        <v>2805</v>
      </c>
      <c r="B59" s="10" t="s">
        <v>4733</v>
      </c>
      <c r="C59" s="10" t="s">
        <v>4734</v>
      </c>
      <c r="D59" s="10" t="s">
        <v>4735</v>
      </c>
      <c r="E59" s="10" t="s">
        <v>4736</v>
      </c>
      <c r="F59" s="10" t="s">
        <v>4737</v>
      </c>
      <c r="G59" s="10" t="s">
        <v>4738</v>
      </c>
      <c r="H59" s="10" t="s">
        <v>4739</v>
      </c>
      <c r="I59" s="11">
        <v>44851</v>
      </c>
    </row>
    <row r="60" spans="1:9" x14ac:dyDescent="0.2">
      <c r="A60" s="14">
        <v>3565</v>
      </c>
      <c r="B60" s="15" t="s">
        <v>8972</v>
      </c>
      <c r="C60" s="10" t="s">
        <v>8973</v>
      </c>
      <c r="D60" s="15" t="s">
        <v>8974</v>
      </c>
      <c r="E60" s="10" t="s">
        <v>8975</v>
      </c>
      <c r="F60" s="10" t="s">
        <v>8976</v>
      </c>
      <c r="G60" s="10" t="s">
        <v>8977</v>
      </c>
      <c r="H60" s="10" t="s">
        <v>8978</v>
      </c>
      <c r="I60" s="11">
        <v>45918</v>
      </c>
    </row>
    <row r="61" spans="1:9" x14ac:dyDescent="0.2">
      <c r="A61" s="10">
        <v>2509</v>
      </c>
      <c r="B61" s="10" t="s">
        <v>3158</v>
      </c>
      <c r="C61" s="10" t="s">
        <v>3159</v>
      </c>
      <c r="D61" s="10" t="s">
        <v>3160</v>
      </c>
      <c r="E61" s="10" t="s">
        <v>3161</v>
      </c>
      <c r="F61" s="10" t="s">
        <v>3162</v>
      </c>
      <c r="G61" s="10" t="s">
        <v>3163</v>
      </c>
      <c r="H61" s="10" t="s">
        <v>3159</v>
      </c>
      <c r="I61" s="11">
        <v>44340</v>
      </c>
    </row>
    <row r="62" spans="1:9" x14ac:dyDescent="0.2">
      <c r="A62" s="10">
        <v>2404</v>
      </c>
      <c r="B62" s="10" t="s">
        <v>2599</v>
      </c>
      <c r="C62" s="10" t="s">
        <v>2600</v>
      </c>
      <c r="D62" s="10" t="s">
        <v>2601</v>
      </c>
      <c r="E62" s="10" t="s">
        <v>2602</v>
      </c>
      <c r="F62" s="10" t="s">
        <v>2603</v>
      </c>
      <c r="G62" s="10" t="s">
        <v>2604</v>
      </c>
      <c r="H62" s="10" t="s">
        <v>2605</v>
      </c>
      <c r="I62" s="11">
        <v>44249</v>
      </c>
    </row>
    <row r="63" spans="1:9" x14ac:dyDescent="0.2">
      <c r="A63" s="10">
        <v>3284</v>
      </c>
      <c r="B63" s="10" t="s">
        <v>7364</v>
      </c>
      <c r="C63" s="10" t="s">
        <v>7365</v>
      </c>
      <c r="D63" s="10" t="s">
        <v>7366</v>
      </c>
      <c r="E63" s="10" t="s">
        <v>7367</v>
      </c>
      <c r="F63" s="10" t="s">
        <v>7368</v>
      </c>
      <c r="G63" s="10" t="s">
        <v>7369</v>
      </c>
      <c r="H63" s="10" t="s">
        <v>7365</v>
      </c>
      <c r="I63" s="11">
        <v>45552</v>
      </c>
    </row>
    <row r="64" spans="1:9" x14ac:dyDescent="0.2">
      <c r="A64" s="13">
        <v>3524</v>
      </c>
      <c r="B64" s="10" t="s">
        <v>8739</v>
      </c>
      <c r="C64" s="10" t="s">
        <v>8740</v>
      </c>
      <c r="D64" s="10" t="s">
        <v>8741</v>
      </c>
      <c r="E64" s="10" t="s">
        <v>8742</v>
      </c>
      <c r="F64" s="10" t="s">
        <v>8743</v>
      </c>
      <c r="G64" s="10" t="s">
        <v>8744</v>
      </c>
      <c r="H64" s="10" t="s">
        <v>8740</v>
      </c>
      <c r="I64" s="11">
        <v>45881</v>
      </c>
    </row>
    <row r="65" spans="1:9" x14ac:dyDescent="0.2">
      <c r="A65" s="10">
        <v>2874</v>
      </c>
      <c r="B65" s="10" t="s">
        <v>5116</v>
      </c>
      <c r="C65" s="10" t="s">
        <v>5117</v>
      </c>
      <c r="D65" s="10" t="s">
        <v>1620</v>
      </c>
      <c r="E65" s="10" t="s">
        <v>5118</v>
      </c>
      <c r="F65" s="10" t="s">
        <v>5119</v>
      </c>
      <c r="G65" s="10" t="s">
        <v>5120</v>
      </c>
      <c r="H65" s="10" t="s">
        <v>3194</v>
      </c>
      <c r="I65" s="11">
        <v>44991</v>
      </c>
    </row>
    <row r="66" spans="1:9" x14ac:dyDescent="0.2">
      <c r="A66" s="10">
        <v>2519</v>
      </c>
      <c r="B66" s="10" t="s">
        <v>3190</v>
      </c>
      <c r="C66" s="10" t="s">
        <v>35</v>
      </c>
      <c r="D66" s="10" t="s">
        <v>182</v>
      </c>
      <c r="E66" s="10" t="s">
        <v>3191</v>
      </c>
      <c r="F66" s="10" t="s">
        <v>3192</v>
      </c>
      <c r="G66" s="10" t="s">
        <v>3193</v>
      </c>
      <c r="H66" s="10" t="s">
        <v>3194</v>
      </c>
      <c r="I66" s="11">
        <v>44364</v>
      </c>
    </row>
    <row r="67" spans="1:9" x14ac:dyDescent="0.2">
      <c r="A67" s="13">
        <v>3532</v>
      </c>
      <c r="B67" s="10" t="s">
        <v>8783</v>
      </c>
      <c r="C67" s="10" t="s">
        <v>8784</v>
      </c>
      <c r="D67" s="10" t="s">
        <v>6760</v>
      </c>
      <c r="E67" s="10" t="s">
        <v>8785</v>
      </c>
      <c r="F67" s="10" t="s">
        <v>8786</v>
      </c>
      <c r="G67" s="10" t="s">
        <v>8787</v>
      </c>
      <c r="H67" s="10" t="s">
        <v>8788</v>
      </c>
      <c r="I67" s="11">
        <v>45869</v>
      </c>
    </row>
    <row r="68" spans="1:9" x14ac:dyDescent="0.2">
      <c r="A68" s="10">
        <v>3152</v>
      </c>
      <c r="B68" s="10" t="s">
        <v>6655</v>
      </c>
      <c r="C68" s="10" t="s">
        <v>6656</v>
      </c>
      <c r="D68" s="10" t="s">
        <v>5159</v>
      </c>
      <c r="E68" s="10" t="s">
        <v>6657</v>
      </c>
      <c r="F68" s="10" t="s">
        <v>6658</v>
      </c>
      <c r="G68" s="10" t="s">
        <v>6659</v>
      </c>
      <c r="H68" s="10" t="s">
        <v>6656</v>
      </c>
      <c r="I68" s="11">
        <v>45362</v>
      </c>
    </row>
    <row r="69" spans="1:9" x14ac:dyDescent="0.2">
      <c r="A69" s="10">
        <v>2796</v>
      </c>
      <c r="B69" s="10" t="s">
        <v>4678</v>
      </c>
      <c r="C69" s="10" t="s">
        <v>4679</v>
      </c>
      <c r="D69" s="10" t="s">
        <v>4680</v>
      </c>
      <c r="E69" s="10" t="s">
        <v>4681</v>
      </c>
      <c r="F69" s="10" t="s">
        <v>4682</v>
      </c>
      <c r="G69" s="10" t="s">
        <v>4683</v>
      </c>
      <c r="H69" s="10" t="s">
        <v>4679</v>
      </c>
      <c r="I69" s="11">
        <v>44840</v>
      </c>
    </row>
    <row r="70" spans="1:9" x14ac:dyDescent="0.2">
      <c r="A70" s="10">
        <v>2992</v>
      </c>
      <c r="B70" s="10" t="s">
        <v>5767</v>
      </c>
      <c r="C70" s="10" t="s">
        <v>5766</v>
      </c>
      <c r="D70" s="10" t="s">
        <v>5768</v>
      </c>
      <c r="E70" s="10" t="s">
        <v>5769</v>
      </c>
      <c r="F70" s="10" t="s">
        <v>4985</v>
      </c>
      <c r="G70" s="10" t="s">
        <v>5770</v>
      </c>
      <c r="H70" s="10" t="s">
        <v>5766</v>
      </c>
      <c r="I70" s="11">
        <v>45169</v>
      </c>
    </row>
    <row r="71" spans="1:9" x14ac:dyDescent="0.2">
      <c r="A71" s="10">
        <v>2581</v>
      </c>
      <c r="B71" s="10" t="s">
        <v>3519</v>
      </c>
      <c r="C71" s="10" t="s">
        <v>35</v>
      </c>
      <c r="D71" s="10" t="s">
        <v>177</v>
      </c>
      <c r="E71" s="10" t="s">
        <v>3520</v>
      </c>
      <c r="F71" s="10" t="s">
        <v>3521</v>
      </c>
      <c r="G71" s="10" t="s">
        <v>3522</v>
      </c>
      <c r="H71" s="10" t="s">
        <v>3523</v>
      </c>
      <c r="I71" s="11">
        <v>44515</v>
      </c>
    </row>
    <row r="72" spans="1:9" x14ac:dyDescent="0.2">
      <c r="A72" s="10">
        <v>2231</v>
      </c>
      <c r="B72" s="10" t="s">
        <v>2115</v>
      </c>
      <c r="C72" s="10" t="s">
        <v>2116</v>
      </c>
      <c r="D72" s="10" t="s">
        <v>2117</v>
      </c>
      <c r="E72" s="10" t="s">
        <v>2118</v>
      </c>
      <c r="F72" s="10" t="s">
        <v>2119</v>
      </c>
      <c r="G72" s="10" t="s">
        <v>2120</v>
      </c>
      <c r="H72" s="10" t="s">
        <v>2116</v>
      </c>
      <c r="I72" s="11">
        <v>45770</v>
      </c>
    </row>
    <row r="73" spans="1:9" x14ac:dyDescent="0.2">
      <c r="A73" s="10">
        <v>2735</v>
      </c>
      <c r="B73" s="10" t="s">
        <v>4332</v>
      </c>
      <c r="C73" s="10" t="s">
        <v>4333</v>
      </c>
      <c r="D73" s="10" t="s">
        <v>4334</v>
      </c>
      <c r="E73" s="10" t="s">
        <v>4335</v>
      </c>
      <c r="F73" s="10" t="s">
        <v>4336</v>
      </c>
      <c r="G73" s="10" t="s">
        <v>4337</v>
      </c>
      <c r="H73" s="10" t="s">
        <v>4338</v>
      </c>
      <c r="I73" s="11">
        <v>44735</v>
      </c>
    </row>
    <row r="74" spans="1:9" x14ac:dyDescent="0.2">
      <c r="A74" s="10">
        <v>3213</v>
      </c>
      <c r="B74" s="10" t="s">
        <v>6969</v>
      </c>
      <c r="C74" s="10" t="s">
        <v>35</v>
      </c>
      <c r="D74" s="10" t="s">
        <v>831</v>
      </c>
      <c r="E74" s="10" t="s">
        <v>6970</v>
      </c>
      <c r="F74" s="10" t="s">
        <v>6971</v>
      </c>
      <c r="G74" s="10" t="s">
        <v>6972</v>
      </c>
      <c r="H74" s="10" t="s">
        <v>6973</v>
      </c>
      <c r="I74" s="11">
        <v>45442</v>
      </c>
    </row>
    <row r="75" spans="1:9" x14ac:dyDescent="0.2">
      <c r="A75" s="10">
        <v>1633</v>
      </c>
      <c r="B75" s="10" t="s">
        <v>950</v>
      </c>
      <c r="C75" s="10" t="s">
        <v>951</v>
      </c>
      <c r="D75" s="10" t="s">
        <v>952</v>
      </c>
      <c r="E75" s="10" t="s">
        <v>953</v>
      </c>
      <c r="F75" s="10" t="s">
        <v>954</v>
      </c>
      <c r="G75" s="10" t="s">
        <v>955</v>
      </c>
      <c r="H75" s="10" t="s">
        <v>951</v>
      </c>
      <c r="I75" s="11">
        <v>44432</v>
      </c>
    </row>
    <row r="76" spans="1:9" x14ac:dyDescent="0.2">
      <c r="A76" s="10">
        <v>2615</v>
      </c>
      <c r="B76" s="10" t="s">
        <v>3703</v>
      </c>
      <c r="C76" s="10" t="s">
        <v>3704</v>
      </c>
      <c r="D76" s="10" t="s">
        <v>3705</v>
      </c>
      <c r="E76" s="10" t="s">
        <v>3706</v>
      </c>
      <c r="F76" s="10" t="s">
        <v>3707</v>
      </c>
      <c r="G76" s="10" t="s">
        <v>3708</v>
      </c>
      <c r="H76" s="10" t="s">
        <v>3704</v>
      </c>
      <c r="I76" s="11">
        <v>44557</v>
      </c>
    </row>
    <row r="77" spans="1:9" x14ac:dyDescent="0.2">
      <c r="A77" s="10">
        <v>1068</v>
      </c>
      <c r="B77" s="10" t="s">
        <v>413</v>
      </c>
      <c r="C77" s="10" t="s">
        <v>414</v>
      </c>
      <c r="D77" s="10" t="s">
        <v>415</v>
      </c>
      <c r="E77" s="10" t="s">
        <v>416</v>
      </c>
      <c r="F77" s="10" t="s">
        <v>417</v>
      </c>
      <c r="G77" s="10" t="s">
        <v>418</v>
      </c>
      <c r="H77" s="10" t="s">
        <v>414</v>
      </c>
      <c r="I77" s="11">
        <v>44632</v>
      </c>
    </row>
    <row r="78" spans="1:9" x14ac:dyDescent="0.2">
      <c r="A78" s="10">
        <v>3299</v>
      </c>
      <c r="B78" s="10" t="s">
        <v>7451</v>
      </c>
      <c r="C78" s="10" t="s">
        <v>7452</v>
      </c>
      <c r="D78" s="10" t="s">
        <v>6034</v>
      </c>
      <c r="E78" s="10" t="s">
        <v>7453</v>
      </c>
      <c r="F78" s="10" t="s">
        <v>7454</v>
      </c>
      <c r="G78" s="10" t="s">
        <v>7455</v>
      </c>
      <c r="H78" s="10" t="s">
        <v>7452</v>
      </c>
      <c r="I78" s="11">
        <v>45568</v>
      </c>
    </row>
    <row r="79" spans="1:9" x14ac:dyDescent="0.2">
      <c r="A79" s="10">
        <v>3184</v>
      </c>
      <c r="B79" s="10" t="s">
        <v>6821</v>
      </c>
      <c r="C79" s="10" t="s">
        <v>6822</v>
      </c>
      <c r="D79" s="10" t="s">
        <v>2437</v>
      </c>
      <c r="E79" s="10" t="s">
        <v>6823</v>
      </c>
      <c r="F79" s="10" t="s">
        <v>6824</v>
      </c>
      <c r="G79" s="10" t="s">
        <v>6825</v>
      </c>
      <c r="H79" s="10" t="s">
        <v>6822</v>
      </c>
      <c r="I79" s="11">
        <v>45400</v>
      </c>
    </row>
    <row r="80" spans="1:9" x14ac:dyDescent="0.2">
      <c r="A80" s="10">
        <v>1921</v>
      </c>
      <c r="B80" s="10" t="s">
        <v>1559</v>
      </c>
      <c r="C80" s="10" t="s">
        <v>35</v>
      </c>
      <c r="D80" s="10" t="s">
        <v>1560</v>
      </c>
      <c r="E80" s="10" t="s">
        <v>1561</v>
      </c>
      <c r="F80" s="10" t="s">
        <v>1562</v>
      </c>
      <c r="G80" s="10" t="s">
        <v>1563</v>
      </c>
      <c r="H80" s="10" t="s">
        <v>1564</v>
      </c>
      <c r="I80" s="11">
        <v>45102</v>
      </c>
    </row>
    <row r="81" spans="1:9" x14ac:dyDescent="0.2">
      <c r="A81" s="10">
        <v>2718</v>
      </c>
      <c r="B81" s="10" t="s">
        <v>4239</v>
      </c>
      <c r="C81" s="10" t="s">
        <v>4240</v>
      </c>
      <c r="D81" s="10" t="s">
        <v>1113</v>
      </c>
      <c r="E81" s="10" t="s">
        <v>4241</v>
      </c>
      <c r="F81" s="10" t="s">
        <v>4242</v>
      </c>
      <c r="G81" s="10" t="s">
        <v>4243</v>
      </c>
      <c r="H81" s="10" t="s">
        <v>4244</v>
      </c>
      <c r="I81" s="11">
        <v>44725</v>
      </c>
    </row>
    <row r="82" spans="1:9" x14ac:dyDescent="0.2">
      <c r="A82" s="10">
        <v>2716</v>
      </c>
      <c r="B82" s="10" t="s">
        <v>4227</v>
      </c>
      <c r="C82" s="10" t="s">
        <v>4228</v>
      </c>
      <c r="D82" s="10" t="s">
        <v>746</v>
      </c>
      <c r="E82" s="10" t="s">
        <v>4229</v>
      </c>
      <c r="F82" s="10" t="s">
        <v>4230</v>
      </c>
      <c r="G82" s="10" t="s">
        <v>4231</v>
      </c>
      <c r="H82" s="10" t="s">
        <v>4228</v>
      </c>
      <c r="I82" s="11">
        <v>44721</v>
      </c>
    </row>
    <row r="83" spans="1:9" x14ac:dyDescent="0.2">
      <c r="A83" s="14">
        <v>3597</v>
      </c>
      <c r="B83" s="15" t="s">
        <v>9143</v>
      </c>
      <c r="C83" s="10" t="s">
        <v>9144</v>
      </c>
      <c r="D83" s="15" t="s">
        <v>4433</v>
      </c>
      <c r="E83" s="10" t="s">
        <v>9145</v>
      </c>
      <c r="F83" s="10" t="s">
        <v>9146</v>
      </c>
      <c r="G83" s="10" t="s">
        <v>9147</v>
      </c>
      <c r="H83" s="10" t="s">
        <v>9148</v>
      </c>
      <c r="I83" s="11">
        <v>45986</v>
      </c>
    </row>
    <row r="84" spans="1:9" x14ac:dyDescent="0.2">
      <c r="A84" s="13">
        <v>3519</v>
      </c>
      <c r="B84" s="10" t="s">
        <v>8706</v>
      </c>
      <c r="C84" s="10" t="s">
        <v>8707</v>
      </c>
      <c r="D84" s="10" t="s">
        <v>2755</v>
      </c>
      <c r="E84" s="10" t="s">
        <v>8708</v>
      </c>
      <c r="F84" s="10" t="s">
        <v>8709</v>
      </c>
      <c r="G84" s="10" t="s">
        <v>8710</v>
      </c>
      <c r="H84" s="10" t="s">
        <v>8711</v>
      </c>
      <c r="I84" s="11">
        <v>45876</v>
      </c>
    </row>
    <row r="85" spans="1:9" x14ac:dyDescent="0.2">
      <c r="A85" s="10">
        <v>1190</v>
      </c>
      <c r="B85" s="10" t="s">
        <v>513</v>
      </c>
      <c r="C85" s="10" t="s">
        <v>514</v>
      </c>
      <c r="D85" s="10" t="s">
        <v>515</v>
      </c>
      <c r="E85" s="10" t="s">
        <v>516</v>
      </c>
      <c r="F85" s="10" t="s">
        <v>517</v>
      </c>
      <c r="G85" s="10" t="s">
        <v>518</v>
      </c>
      <c r="H85" s="10" t="s">
        <v>514</v>
      </c>
      <c r="I85" s="11">
        <v>45040</v>
      </c>
    </row>
    <row r="86" spans="1:9" x14ac:dyDescent="0.2">
      <c r="A86" s="10">
        <v>2172</v>
      </c>
      <c r="B86" s="10" t="s">
        <v>1998</v>
      </c>
      <c r="C86" s="10" t="s">
        <v>1999</v>
      </c>
      <c r="D86" s="10" t="s">
        <v>2000</v>
      </c>
      <c r="E86" s="10" t="s">
        <v>2001</v>
      </c>
      <c r="F86" s="10" t="s">
        <v>2002</v>
      </c>
      <c r="G86" s="10" t="s">
        <v>2003</v>
      </c>
      <c r="H86" s="10" t="s">
        <v>2004</v>
      </c>
      <c r="I86" s="11">
        <v>45649</v>
      </c>
    </row>
    <row r="87" spans="1:9" x14ac:dyDescent="0.2">
      <c r="A87" s="10">
        <v>2408</v>
      </c>
      <c r="B87" s="10" t="s">
        <v>1998</v>
      </c>
      <c r="C87" s="10" t="s">
        <v>2625</v>
      </c>
      <c r="D87" s="10" t="s">
        <v>2626</v>
      </c>
      <c r="E87" s="10" t="s">
        <v>2627</v>
      </c>
      <c r="F87" s="10" t="s">
        <v>2628</v>
      </c>
      <c r="G87" s="10" t="s">
        <v>2003</v>
      </c>
      <c r="H87" s="10" t="s">
        <v>2625</v>
      </c>
      <c r="I87" s="11">
        <v>44252</v>
      </c>
    </row>
    <row r="88" spans="1:9" x14ac:dyDescent="0.2">
      <c r="A88" s="10">
        <v>3283</v>
      </c>
      <c r="B88" s="10" t="s">
        <v>7359</v>
      </c>
      <c r="C88" s="10" t="s">
        <v>7360</v>
      </c>
      <c r="D88" s="10" t="s">
        <v>7361</v>
      </c>
      <c r="E88" s="10" t="s">
        <v>7362</v>
      </c>
      <c r="F88" s="10" t="s">
        <v>7363</v>
      </c>
      <c r="G88" s="10" t="s">
        <v>2003</v>
      </c>
      <c r="H88" s="10" t="s">
        <v>7360</v>
      </c>
      <c r="I88" s="11">
        <v>45552</v>
      </c>
    </row>
    <row r="89" spans="1:9" x14ac:dyDescent="0.2">
      <c r="A89" s="10">
        <v>3236</v>
      </c>
      <c r="B89" s="10" t="s">
        <v>7104</v>
      </c>
      <c r="C89" s="10" t="s">
        <v>7105</v>
      </c>
      <c r="D89" s="10" t="s">
        <v>7106</v>
      </c>
      <c r="E89" s="10" t="s">
        <v>7107</v>
      </c>
      <c r="F89" s="10" t="s">
        <v>7108</v>
      </c>
      <c r="G89" s="10" t="s">
        <v>7109</v>
      </c>
      <c r="H89" s="10" t="s">
        <v>7110</v>
      </c>
      <c r="I89" s="11">
        <v>45470</v>
      </c>
    </row>
    <row r="90" spans="1:9" x14ac:dyDescent="0.2">
      <c r="A90" s="10">
        <v>3162</v>
      </c>
      <c r="B90" s="10" t="s">
        <v>6715</v>
      </c>
      <c r="C90" s="10" t="s">
        <v>6716</v>
      </c>
      <c r="D90" s="10" t="s">
        <v>6028</v>
      </c>
      <c r="E90" s="10" t="s">
        <v>6717</v>
      </c>
      <c r="F90" s="10" t="s">
        <v>6718</v>
      </c>
      <c r="G90" s="10" t="s">
        <v>6719</v>
      </c>
      <c r="H90" s="10" t="s">
        <v>6720</v>
      </c>
      <c r="I90" s="11">
        <v>45379</v>
      </c>
    </row>
    <row r="91" spans="1:9" x14ac:dyDescent="0.2">
      <c r="A91" s="10">
        <v>3186</v>
      </c>
      <c r="B91" s="10" t="s">
        <v>6833</v>
      </c>
      <c r="C91" s="10" t="s">
        <v>35</v>
      </c>
      <c r="D91" s="10" t="s">
        <v>490</v>
      </c>
      <c r="E91" s="10" t="s">
        <v>6834</v>
      </c>
      <c r="F91" s="10" t="s">
        <v>6835</v>
      </c>
      <c r="G91" s="10" t="s">
        <v>6836</v>
      </c>
      <c r="H91" s="10" t="s">
        <v>6837</v>
      </c>
      <c r="I91" s="11">
        <v>45404</v>
      </c>
    </row>
    <row r="92" spans="1:9" x14ac:dyDescent="0.2">
      <c r="A92" s="10">
        <v>2904</v>
      </c>
      <c r="B92" s="10" t="s">
        <v>5290</v>
      </c>
      <c r="C92" s="10" t="s">
        <v>5291</v>
      </c>
      <c r="D92" s="10" t="s">
        <v>2204</v>
      </c>
      <c r="E92" s="10" t="s">
        <v>5292</v>
      </c>
      <c r="F92" s="10" t="s">
        <v>5293</v>
      </c>
      <c r="G92" s="10" t="s">
        <v>5294</v>
      </c>
      <c r="H92" s="10" t="s">
        <v>5295</v>
      </c>
      <c r="I92" s="11">
        <v>45043</v>
      </c>
    </row>
    <row r="93" spans="1:9" x14ac:dyDescent="0.2">
      <c r="A93" s="10">
        <v>1653</v>
      </c>
      <c r="B93" s="10" t="s">
        <v>1007</v>
      </c>
      <c r="C93" s="10" t="s">
        <v>1008</v>
      </c>
      <c r="D93" s="10" t="s">
        <v>1009</v>
      </c>
      <c r="E93" s="10" t="s">
        <v>1010</v>
      </c>
      <c r="F93" s="10" t="s">
        <v>1011</v>
      </c>
      <c r="G93" s="10" t="s">
        <v>1012</v>
      </c>
      <c r="H93" s="10" t="s">
        <v>1008</v>
      </c>
      <c r="I93" s="11">
        <v>44493</v>
      </c>
    </row>
    <row r="94" spans="1:9" x14ac:dyDescent="0.2">
      <c r="A94" s="10">
        <v>2004</v>
      </c>
      <c r="B94" s="10" t="s">
        <v>1678</v>
      </c>
      <c r="C94" s="10" t="s">
        <v>1679</v>
      </c>
      <c r="D94" s="10" t="s">
        <v>1680</v>
      </c>
      <c r="E94" s="10" t="s">
        <v>1681</v>
      </c>
      <c r="F94" s="10" t="s">
        <v>1682</v>
      </c>
      <c r="G94" s="10" t="s">
        <v>1683</v>
      </c>
      <c r="H94" s="10" t="s">
        <v>1679</v>
      </c>
      <c r="I94" s="11">
        <v>45312</v>
      </c>
    </row>
    <row r="95" spans="1:9" x14ac:dyDescent="0.2">
      <c r="A95" s="13">
        <v>3513</v>
      </c>
      <c r="B95" s="10" t="s">
        <v>8671</v>
      </c>
      <c r="C95" s="10" t="s">
        <v>35</v>
      </c>
      <c r="D95" s="10" t="s">
        <v>8672</v>
      </c>
      <c r="E95" s="10" t="s">
        <v>8673</v>
      </c>
      <c r="F95" s="10" t="s">
        <v>8674</v>
      </c>
      <c r="G95" s="10" t="s">
        <v>8675</v>
      </c>
      <c r="H95" s="10" t="s">
        <v>8676</v>
      </c>
      <c r="I95" s="11">
        <v>45855</v>
      </c>
    </row>
    <row r="96" spans="1:9" x14ac:dyDescent="0.2">
      <c r="A96" s="13">
        <v>3492</v>
      </c>
      <c r="B96" s="10" t="s">
        <v>8555</v>
      </c>
      <c r="C96" s="10" t="s">
        <v>8556</v>
      </c>
      <c r="D96" s="10" t="s">
        <v>3901</v>
      </c>
      <c r="E96" s="10" t="s">
        <v>6846</v>
      </c>
      <c r="F96" s="10" t="s">
        <v>3545</v>
      </c>
      <c r="G96" s="10" t="s">
        <v>8557</v>
      </c>
      <c r="H96" s="10" t="s">
        <v>8558</v>
      </c>
      <c r="I96" s="11">
        <v>45841</v>
      </c>
    </row>
    <row r="97" spans="1:9" x14ac:dyDescent="0.2">
      <c r="A97" s="10">
        <v>2339</v>
      </c>
      <c r="B97" s="10" t="s">
        <v>2343</v>
      </c>
      <c r="C97" s="10" t="s">
        <v>2344</v>
      </c>
      <c r="D97" s="10" t="s">
        <v>2345</v>
      </c>
      <c r="E97" s="10" t="s">
        <v>2346</v>
      </c>
      <c r="F97" s="10" t="s">
        <v>2347</v>
      </c>
      <c r="G97" s="10" t="s">
        <v>2348</v>
      </c>
      <c r="H97" s="10" t="s">
        <v>2349</v>
      </c>
      <c r="I97" s="11">
        <v>45959</v>
      </c>
    </row>
    <row r="98" spans="1:9" x14ac:dyDescent="0.2">
      <c r="A98" s="10">
        <v>2364</v>
      </c>
      <c r="B98" s="10" t="s">
        <v>2395</v>
      </c>
      <c r="C98" s="10" t="s">
        <v>2396</v>
      </c>
      <c r="D98" s="10" t="s">
        <v>547</v>
      </c>
      <c r="E98" s="10" t="s">
        <v>2397</v>
      </c>
      <c r="F98" s="10" t="s">
        <v>2398</v>
      </c>
      <c r="G98" s="10" t="s">
        <v>2399</v>
      </c>
      <c r="H98" s="10" t="s">
        <v>2396</v>
      </c>
      <c r="I98" s="11">
        <v>46029</v>
      </c>
    </row>
    <row r="99" spans="1:9" x14ac:dyDescent="0.2">
      <c r="A99" s="10">
        <v>2944</v>
      </c>
      <c r="B99" s="10" t="s">
        <v>5507</v>
      </c>
      <c r="C99" s="10" t="s">
        <v>5508</v>
      </c>
      <c r="D99" s="10" t="s">
        <v>4408</v>
      </c>
      <c r="E99" s="10" t="s">
        <v>4409</v>
      </c>
      <c r="F99" s="10" t="s">
        <v>5509</v>
      </c>
      <c r="G99" s="10" t="s">
        <v>5510</v>
      </c>
      <c r="H99" s="10" t="s">
        <v>5508</v>
      </c>
      <c r="I99" s="11">
        <v>45078</v>
      </c>
    </row>
    <row r="100" spans="1:9" x14ac:dyDescent="0.2">
      <c r="A100" s="10">
        <v>2589</v>
      </c>
      <c r="B100" s="10" t="s">
        <v>3554</v>
      </c>
      <c r="C100" s="10" t="s">
        <v>3555</v>
      </c>
      <c r="D100" s="10" t="s">
        <v>3556</v>
      </c>
      <c r="E100" s="10" t="s">
        <v>3557</v>
      </c>
      <c r="F100" s="10" t="s">
        <v>3558</v>
      </c>
      <c r="G100" s="10" t="s">
        <v>3559</v>
      </c>
      <c r="H100" s="10" t="s">
        <v>3560</v>
      </c>
      <c r="I100" s="11">
        <v>44529</v>
      </c>
    </row>
    <row r="101" spans="1:9" x14ac:dyDescent="0.2">
      <c r="A101" s="10">
        <v>3396</v>
      </c>
      <c r="B101" s="10" t="s">
        <v>8014</v>
      </c>
      <c r="C101" s="10" t="s">
        <v>8015</v>
      </c>
      <c r="D101" s="10" t="s">
        <v>2981</v>
      </c>
      <c r="E101" s="10" t="s">
        <v>8016</v>
      </c>
      <c r="F101" s="10" t="s">
        <v>8017</v>
      </c>
      <c r="G101" s="10" t="s">
        <v>8018</v>
      </c>
      <c r="H101" s="10" t="s">
        <v>8019</v>
      </c>
      <c r="I101" s="11">
        <v>45713</v>
      </c>
    </row>
    <row r="102" spans="1:9" x14ac:dyDescent="0.2">
      <c r="A102" s="14">
        <v>3591</v>
      </c>
      <c r="B102" s="15" t="s">
        <v>9108</v>
      </c>
      <c r="C102" s="10" t="s">
        <v>9109</v>
      </c>
      <c r="D102" s="15" t="s">
        <v>9110</v>
      </c>
      <c r="E102" s="10" t="s">
        <v>9111</v>
      </c>
      <c r="F102" s="10" t="s">
        <v>9112</v>
      </c>
      <c r="G102" s="10" t="s">
        <v>9113</v>
      </c>
      <c r="H102" s="10" t="s">
        <v>9109</v>
      </c>
      <c r="I102" s="11">
        <v>45953</v>
      </c>
    </row>
    <row r="103" spans="1:9" x14ac:dyDescent="0.2">
      <c r="A103" s="10">
        <v>2780</v>
      </c>
      <c r="B103" s="10" t="s">
        <v>4593</v>
      </c>
      <c r="C103" s="10" t="s">
        <v>4594</v>
      </c>
      <c r="D103" s="10" t="s">
        <v>4595</v>
      </c>
      <c r="E103" s="10" t="s">
        <v>4596</v>
      </c>
      <c r="F103" s="10" t="s">
        <v>4597</v>
      </c>
      <c r="G103" s="10" t="s">
        <v>4598</v>
      </c>
      <c r="H103" s="10" t="s">
        <v>4599</v>
      </c>
      <c r="I103" s="11">
        <v>44805</v>
      </c>
    </row>
    <row r="104" spans="1:9" x14ac:dyDescent="0.2">
      <c r="A104" s="10">
        <v>1703</v>
      </c>
      <c r="B104" s="10" t="s">
        <v>1091</v>
      </c>
      <c r="C104" s="10" t="s">
        <v>1092</v>
      </c>
      <c r="D104" s="10" t="s">
        <v>1093</v>
      </c>
      <c r="E104" s="10" t="s">
        <v>1094</v>
      </c>
      <c r="F104" s="10" t="s">
        <v>1095</v>
      </c>
      <c r="G104" s="10" t="s">
        <v>1096</v>
      </c>
      <c r="H104" s="10" t="s">
        <v>1092</v>
      </c>
      <c r="I104" s="11">
        <v>44622</v>
      </c>
    </row>
    <row r="105" spans="1:9" x14ac:dyDescent="0.2">
      <c r="A105" s="10">
        <v>2827</v>
      </c>
      <c r="B105" s="10" t="s">
        <v>4853</v>
      </c>
      <c r="C105" s="10" t="s">
        <v>4854</v>
      </c>
      <c r="D105" s="10" t="s">
        <v>1580</v>
      </c>
      <c r="E105" s="10" t="s">
        <v>4855</v>
      </c>
      <c r="F105" s="10" t="s">
        <v>4856</v>
      </c>
      <c r="G105" s="10" t="s">
        <v>4857</v>
      </c>
      <c r="H105" s="10" t="s">
        <v>4858</v>
      </c>
      <c r="I105" s="11">
        <v>44889</v>
      </c>
    </row>
    <row r="106" spans="1:9" x14ac:dyDescent="0.2">
      <c r="A106" s="10">
        <v>2068</v>
      </c>
      <c r="B106" s="10" t="s">
        <v>1814</v>
      </c>
      <c r="C106" s="10" t="s">
        <v>1815</v>
      </c>
      <c r="D106" s="10" t="s">
        <v>824</v>
      </c>
      <c r="E106" s="10" t="s">
        <v>1816</v>
      </c>
      <c r="F106" s="10" t="s">
        <v>1817</v>
      </c>
      <c r="G106" s="10" t="s">
        <v>1818</v>
      </c>
      <c r="H106" s="10" t="s">
        <v>1815</v>
      </c>
      <c r="I106" s="11">
        <v>45446</v>
      </c>
    </row>
    <row r="107" spans="1:9" x14ac:dyDescent="0.2">
      <c r="A107" s="10">
        <v>2814</v>
      </c>
      <c r="B107" s="10" t="s">
        <v>4787</v>
      </c>
      <c r="C107" s="10" t="s">
        <v>4788</v>
      </c>
      <c r="D107" s="10" t="s">
        <v>4789</v>
      </c>
      <c r="E107" s="10" t="s">
        <v>4790</v>
      </c>
      <c r="F107" s="10" t="s">
        <v>4791</v>
      </c>
      <c r="G107" s="10" t="s">
        <v>4792</v>
      </c>
      <c r="H107" s="10" t="s">
        <v>4793</v>
      </c>
      <c r="I107" s="11">
        <v>44872</v>
      </c>
    </row>
    <row r="108" spans="1:9" x14ac:dyDescent="0.2">
      <c r="A108" s="10">
        <v>2651</v>
      </c>
      <c r="B108" s="10" t="s">
        <v>3893</v>
      </c>
      <c r="C108" s="10" t="s">
        <v>3894</v>
      </c>
      <c r="D108" s="10" t="s">
        <v>3272</v>
      </c>
      <c r="E108" s="10" t="s">
        <v>3895</v>
      </c>
      <c r="F108" s="10" t="s">
        <v>3896</v>
      </c>
      <c r="G108" s="10" t="s">
        <v>3897</v>
      </c>
      <c r="H108" s="10" t="s">
        <v>3898</v>
      </c>
      <c r="I108" s="11">
        <v>44623</v>
      </c>
    </row>
    <row r="109" spans="1:9" x14ac:dyDescent="0.2">
      <c r="A109" s="10">
        <v>3374</v>
      </c>
      <c r="B109" s="10" t="s">
        <v>7889</v>
      </c>
      <c r="C109" s="10" t="s">
        <v>7890</v>
      </c>
      <c r="D109" s="10" t="s">
        <v>5219</v>
      </c>
      <c r="E109" s="10" t="s">
        <v>7891</v>
      </c>
      <c r="F109" s="10" t="s">
        <v>7892</v>
      </c>
      <c r="G109" s="10" t="s">
        <v>7893</v>
      </c>
      <c r="H109" s="10" t="s">
        <v>7894</v>
      </c>
      <c r="I109" s="12">
        <v>45666</v>
      </c>
    </row>
    <row r="110" spans="1:9" x14ac:dyDescent="0.2">
      <c r="A110" s="13">
        <v>3525</v>
      </c>
      <c r="B110" s="10" t="s">
        <v>8745</v>
      </c>
      <c r="C110" s="10" t="s">
        <v>8746</v>
      </c>
      <c r="D110" s="10" t="s">
        <v>8747</v>
      </c>
      <c r="E110" s="10" t="s">
        <v>8748</v>
      </c>
      <c r="F110" s="10" t="s">
        <v>8749</v>
      </c>
      <c r="G110" s="10" t="s">
        <v>8750</v>
      </c>
      <c r="H110" s="10" t="s">
        <v>8751</v>
      </c>
      <c r="I110" s="11">
        <v>45862</v>
      </c>
    </row>
    <row r="111" spans="1:9" x14ac:dyDescent="0.2">
      <c r="A111" s="10">
        <v>2434</v>
      </c>
      <c r="B111" s="10" t="s">
        <v>2760</v>
      </c>
      <c r="C111" s="10" t="s">
        <v>35</v>
      </c>
      <c r="D111" s="10" t="s">
        <v>1936</v>
      </c>
      <c r="E111" s="10" t="s">
        <v>2761</v>
      </c>
      <c r="F111" s="10" t="s">
        <v>2762</v>
      </c>
      <c r="G111" s="10" t="s">
        <v>2763</v>
      </c>
      <c r="H111" s="10" t="s">
        <v>2764</v>
      </c>
      <c r="I111" s="11">
        <v>44280</v>
      </c>
    </row>
    <row r="112" spans="1:9" x14ac:dyDescent="0.2">
      <c r="A112" s="10">
        <v>2542</v>
      </c>
      <c r="B112" s="10" t="s">
        <v>3303</v>
      </c>
      <c r="C112" s="10" t="s">
        <v>3304</v>
      </c>
      <c r="D112" s="10" t="s">
        <v>3305</v>
      </c>
      <c r="E112" s="10" t="s">
        <v>3306</v>
      </c>
      <c r="F112" s="10" t="s">
        <v>3307</v>
      </c>
      <c r="G112" s="10" t="s">
        <v>3308</v>
      </c>
      <c r="H112" s="10" t="s">
        <v>3309</v>
      </c>
      <c r="I112" s="11">
        <v>44403</v>
      </c>
    </row>
    <row r="113" spans="1:9" x14ac:dyDescent="0.2">
      <c r="A113" s="10">
        <v>2645</v>
      </c>
      <c r="B113" s="10" t="s">
        <v>3866</v>
      </c>
      <c r="C113" s="10" t="s">
        <v>35</v>
      </c>
      <c r="D113" s="10" t="s">
        <v>201</v>
      </c>
      <c r="E113" s="10" t="s">
        <v>3867</v>
      </c>
      <c r="F113" s="10" t="s">
        <v>3868</v>
      </c>
      <c r="G113" s="10" t="s">
        <v>3869</v>
      </c>
      <c r="H113" s="10" t="s">
        <v>3870</v>
      </c>
      <c r="I113" s="11">
        <v>44599</v>
      </c>
    </row>
    <row r="114" spans="1:9" x14ac:dyDescent="0.2">
      <c r="A114" s="10">
        <v>2919</v>
      </c>
      <c r="B114" s="10" t="s">
        <v>5368</v>
      </c>
      <c r="C114" s="10" t="s">
        <v>35</v>
      </c>
      <c r="D114" s="10" t="s">
        <v>5369</v>
      </c>
      <c r="E114" s="10" t="s">
        <v>5370</v>
      </c>
      <c r="F114" s="10" t="s">
        <v>5371</v>
      </c>
      <c r="G114" s="10" t="s">
        <v>5372</v>
      </c>
      <c r="H114" s="10" t="s">
        <v>5373</v>
      </c>
      <c r="I114" s="11">
        <v>45064</v>
      </c>
    </row>
    <row r="115" spans="1:9" x14ac:dyDescent="0.2">
      <c r="A115" s="10">
        <v>90</v>
      </c>
      <c r="B115" s="10" t="s">
        <v>65</v>
      </c>
      <c r="C115" s="10" t="s">
        <v>66</v>
      </c>
      <c r="D115" s="10" t="s">
        <v>67</v>
      </c>
      <c r="E115" s="10" t="s">
        <v>68</v>
      </c>
      <c r="F115" s="10" t="s">
        <v>69</v>
      </c>
      <c r="G115" s="10" t="s">
        <v>70</v>
      </c>
      <c r="H115" s="10" t="s">
        <v>71</v>
      </c>
      <c r="I115" s="11">
        <v>44547</v>
      </c>
    </row>
    <row r="116" spans="1:9" x14ac:dyDescent="0.2">
      <c r="A116" s="10">
        <v>2204</v>
      </c>
      <c r="B116" s="10" t="s">
        <v>2052</v>
      </c>
      <c r="C116" s="10" t="s">
        <v>2053</v>
      </c>
      <c r="D116" s="10" t="s">
        <v>2054</v>
      </c>
      <c r="E116" s="10" t="s">
        <v>2055</v>
      </c>
      <c r="F116" s="10" t="s">
        <v>2056</v>
      </c>
      <c r="G116" s="10" t="s">
        <v>2057</v>
      </c>
      <c r="H116" s="10" t="s">
        <v>2053</v>
      </c>
      <c r="I116" s="11">
        <v>45721</v>
      </c>
    </row>
    <row r="117" spans="1:9" x14ac:dyDescent="0.2">
      <c r="A117" s="10">
        <v>2637</v>
      </c>
      <c r="B117" s="10" t="s">
        <v>3824</v>
      </c>
      <c r="C117" s="10" t="s">
        <v>3825</v>
      </c>
      <c r="D117" s="10" t="s">
        <v>3826</v>
      </c>
      <c r="E117" s="10" t="s">
        <v>3827</v>
      </c>
      <c r="F117" s="10" t="s">
        <v>3828</v>
      </c>
      <c r="G117" s="10" t="s">
        <v>3829</v>
      </c>
      <c r="H117" s="10" t="s">
        <v>3825</v>
      </c>
      <c r="I117" s="11">
        <v>44592</v>
      </c>
    </row>
    <row r="118" spans="1:9" x14ac:dyDescent="0.2">
      <c r="A118" s="10">
        <v>3145</v>
      </c>
      <c r="B118" s="10" t="s">
        <v>6621</v>
      </c>
      <c r="C118" s="10" t="s">
        <v>6622</v>
      </c>
      <c r="D118" s="10" t="s">
        <v>4334</v>
      </c>
      <c r="E118" s="10" t="s">
        <v>6623</v>
      </c>
      <c r="F118" s="10" t="s">
        <v>6624</v>
      </c>
      <c r="G118" s="10" t="s">
        <v>6625</v>
      </c>
      <c r="H118" s="10" t="s">
        <v>6626</v>
      </c>
      <c r="I118" s="11">
        <v>45362</v>
      </c>
    </row>
    <row r="119" spans="1:9" x14ac:dyDescent="0.2">
      <c r="A119" s="10">
        <v>2540</v>
      </c>
      <c r="B119" s="10" t="s">
        <v>3291</v>
      </c>
      <c r="C119" s="10" t="s">
        <v>3292</v>
      </c>
      <c r="D119" s="10" t="s">
        <v>3293</v>
      </c>
      <c r="E119" s="10" t="s">
        <v>3294</v>
      </c>
      <c r="F119" s="10" t="s">
        <v>3295</v>
      </c>
      <c r="G119" s="10" t="s">
        <v>3296</v>
      </c>
      <c r="H119" s="10" t="s">
        <v>3292</v>
      </c>
      <c r="I119" s="11">
        <v>44389</v>
      </c>
    </row>
    <row r="120" spans="1:9" x14ac:dyDescent="0.2">
      <c r="A120" s="10">
        <v>3254</v>
      </c>
      <c r="B120" s="10" t="s">
        <v>7205</v>
      </c>
      <c r="C120" s="10" t="s">
        <v>7206</v>
      </c>
      <c r="D120" s="10" t="s">
        <v>7207</v>
      </c>
      <c r="E120" s="10" t="s">
        <v>7208</v>
      </c>
      <c r="F120" s="10" t="s">
        <v>7209</v>
      </c>
      <c r="G120" s="10" t="s">
        <v>7210</v>
      </c>
      <c r="H120" s="10" t="s">
        <v>7206</v>
      </c>
      <c r="I120" s="11">
        <v>45498</v>
      </c>
    </row>
    <row r="121" spans="1:9" x14ac:dyDescent="0.2">
      <c r="A121" s="10">
        <v>3205</v>
      </c>
      <c r="B121" s="10" t="s">
        <v>6935</v>
      </c>
      <c r="C121" s="10" t="s">
        <v>6936</v>
      </c>
      <c r="D121" s="10" t="s">
        <v>6028</v>
      </c>
      <c r="E121" s="10" t="s">
        <v>6937</v>
      </c>
      <c r="F121" s="10" t="s">
        <v>6938</v>
      </c>
      <c r="G121" s="10" t="s">
        <v>6939</v>
      </c>
      <c r="H121" s="10" t="s">
        <v>6940</v>
      </c>
      <c r="I121" s="11">
        <v>45435</v>
      </c>
    </row>
    <row r="122" spans="1:9" x14ac:dyDescent="0.2">
      <c r="A122" s="10">
        <v>2934</v>
      </c>
      <c r="B122" s="10" t="s">
        <v>5455</v>
      </c>
      <c r="C122" s="10" t="s">
        <v>5456</v>
      </c>
      <c r="D122" s="10" t="s">
        <v>854</v>
      </c>
      <c r="E122" s="10" t="s">
        <v>5457</v>
      </c>
      <c r="F122" s="10" t="s">
        <v>5458</v>
      </c>
      <c r="G122" s="10" t="s">
        <v>5459</v>
      </c>
      <c r="H122" s="10" t="s">
        <v>5460</v>
      </c>
      <c r="I122" s="11">
        <v>45085</v>
      </c>
    </row>
    <row r="123" spans="1:9" x14ac:dyDescent="0.2">
      <c r="A123" s="14">
        <v>3544</v>
      </c>
      <c r="B123" s="15" t="s">
        <v>8847</v>
      </c>
      <c r="C123" s="10" t="s">
        <v>8848</v>
      </c>
      <c r="D123" s="15" t="s">
        <v>8849</v>
      </c>
      <c r="E123" s="10" t="s">
        <v>8850</v>
      </c>
      <c r="F123" s="10" t="s">
        <v>8851</v>
      </c>
      <c r="G123" s="10" t="s">
        <v>8852</v>
      </c>
      <c r="H123" s="10" t="s">
        <v>8848</v>
      </c>
      <c r="I123" s="11">
        <v>45901</v>
      </c>
    </row>
    <row r="124" spans="1:9" x14ac:dyDescent="0.2">
      <c r="A124" s="10">
        <v>2491</v>
      </c>
      <c r="B124" s="10" t="s">
        <v>3057</v>
      </c>
      <c r="C124" s="10" t="s">
        <v>3058</v>
      </c>
      <c r="D124" s="10" t="s">
        <v>1519</v>
      </c>
      <c r="E124" s="10" t="s">
        <v>3059</v>
      </c>
      <c r="F124" s="10" t="s">
        <v>3060</v>
      </c>
      <c r="G124" s="10" t="s">
        <v>3061</v>
      </c>
      <c r="H124" s="10" t="s">
        <v>3058</v>
      </c>
      <c r="I124" s="11">
        <v>44336</v>
      </c>
    </row>
    <row r="125" spans="1:9" x14ac:dyDescent="0.2">
      <c r="A125" s="10">
        <v>2417</v>
      </c>
      <c r="B125" s="10" t="s">
        <v>2673</v>
      </c>
      <c r="C125" s="10" t="s">
        <v>2674</v>
      </c>
      <c r="D125" s="10" t="s">
        <v>2675</v>
      </c>
      <c r="E125" s="10" t="s">
        <v>2676</v>
      </c>
      <c r="F125" s="10" t="s">
        <v>2677</v>
      </c>
      <c r="G125" s="10" t="s">
        <v>2678</v>
      </c>
      <c r="H125" s="10" t="s">
        <v>2679</v>
      </c>
      <c r="I125" s="11">
        <v>44263</v>
      </c>
    </row>
    <row r="126" spans="1:9" x14ac:dyDescent="0.2">
      <c r="A126" s="10">
        <v>2414</v>
      </c>
      <c r="B126" s="10" t="s">
        <v>2661</v>
      </c>
      <c r="C126" s="10" t="s">
        <v>2662</v>
      </c>
      <c r="D126" s="10" t="s">
        <v>2663</v>
      </c>
      <c r="E126" s="10" t="s">
        <v>2664</v>
      </c>
      <c r="F126" s="10" t="s">
        <v>2665</v>
      </c>
      <c r="G126" s="10" t="s">
        <v>2666</v>
      </c>
      <c r="H126" s="10" t="s">
        <v>2662</v>
      </c>
      <c r="I126" s="11">
        <v>44263</v>
      </c>
    </row>
    <row r="127" spans="1:9" x14ac:dyDescent="0.2">
      <c r="A127" s="10">
        <v>3249</v>
      </c>
      <c r="B127" s="10" t="s">
        <v>7175</v>
      </c>
      <c r="C127" s="10" t="s">
        <v>7176</v>
      </c>
      <c r="D127" s="10" t="s">
        <v>7177</v>
      </c>
      <c r="E127" s="10" t="s">
        <v>7178</v>
      </c>
      <c r="F127" s="10" t="s">
        <v>7179</v>
      </c>
      <c r="G127" s="10" t="s">
        <v>7180</v>
      </c>
      <c r="H127" s="10" t="s">
        <v>7181</v>
      </c>
      <c r="I127" s="11">
        <v>45495</v>
      </c>
    </row>
    <row r="128" spans="1:9" x14ac:dyDescent="0.2">
      <c r="A128" s="14">
        <v>3593</v>
      </c>
      <c r="B128" s="15" t="s">
        <v>9120</v>
      </c>
      <c r="C128" s="10" t="s">
        <v>9121</v>
      </c>
      <c r="D128" s="15" t="s">
        <v>9122</v>
      </c>
      <c r="E128" s="10" t="s">
        <v>9123</v>
      </c>
      <c r="F128" s="10" t="s">
        <v>9124</v>
      </c>
      <c r="G128" s="10" t="s">
        <v>9125</v>
      </c>
      <c r="H128" s="10" t="s">
        <v>9121</v>
      </c>
      <c r="I128" s="11">
        <v>45981</v>
      </c>
    </row>
    <row r="129" spans="1:9" x14ac:dyDescent="0.2">
      <c r="A129" s="10">
        <v>2605</v>
      </c>
      <c r="B129" s="10" t="s">
        <v>3652</v>
      </c>
      <c r="C129" s="10" t="s">
        <v>3653</v>
      </c>
      <c r="D129" s="10" t="s">
        <v>3654</v>
      </c>
      <c r="E129" s="10" t="s">
        <v>3655</v>
      </c>
      <c r="F129" s="10" t="s">
        <v>3656</v>
      </c>
      <c r="G129" s="10" t="s">
        <v>3657</v>
      </c>
      <c r="H129" s="10" t="s">
        <v>3658</v>
      </c>
      <c r="I129" s="11">
        <v>44550</v>
      </c>
    </row>
    <row r="130" spans="1:9" x14ac:dyDescent="0.2">
      <c r="A130" s="10">
        <v>2959</v>
      </c>
      <c r="B130" s="10" t="s">
        <v>5573</v>
      </c>
      <c r="C130" s="10" t="s">
        <v>5574</v>
      </c>
      <c r="D130" s="10" t="s">
        <v>5219</v>
      </c>
      <c r="E130" s="10" t="s">
        <v>5575</v>
      </c>
      <c r="F130" s="10" t="s">
        <v>5576</v>
      </c>
      <c r="G130" s="10" t="s">
        <v>3657</v>
      </c>
      <c r="H130" s="10" t="s">
        <v>5577</v>
      </c>
      <c r="I130" s="11">
        <v>45117</v>
      </c>
    </row>
    <row r="131" spans="1:9" x14ac:dyDescent="0.2">
      <c r="A131" s="10">
        <v>2599</v>
      </c>
      <c r="B131" s="10" t="s">
        <v>3614</v>
      </c>
      <c r="C131" s="10" t="s">
        <v>3615</v>
      </c>
      <c r="D131" s="10" t="s">
        <v>3616</v>
      </c>
      <c r="E131" s="10" t="s">
        <v>3617</v>
      </c>
      <c r="F131" s="10" t="s">
        <v>3618</v>
      </c>
      <c r="G131" s="10" t="s">
        <v>3619</v>
      </c>
      <c r="H131" s="10" t="s">
        <v>3620</v>
      </c>
      <c r="I131" s="11">
        <v>44529</v>
      </c>
    </row>
    <row r="132" spans="1:9" x14ac:dyDescent="0.2">
      <c r="A132" s="10">
        <v>1873</v>
      </c>
      <c r="B132" s="10" t="s">
        <v>1419</v>
      </c>
      <c r="C132" s="10" t="s">
        <v>1420</v>
      </c>
      <c r="D132" s="10" t="s">
        <v>854</v>
      </c>
      <c r="E132" s="10" t="s">
        <v>1421</v>
      </c>
      <c r="F132" s="10" t="s">
        <v>1422</v>
      </c>
      <c r="G132" s="10" t="s">
        <v>1423</v>
      </c>
      <c r="H132" s="10" t="s">
        <v>1420</v>
      </c>
      <c r="I132" s="11">
        <v>45004</v>
      </c>
    </row>
    <row r="133" spans="1:9" x14ac:dyDescent="0.2">
      <c r="A133" s="10">
        <v>3015</v>
      </c>
      <c r="B133" s="10" t="s">
        <v>5904</v>
      </c>
      <c r="C133" s="10" t="s">
        <v>5905</v>
      </c>
      <c r="D133" s="10" t="s">
        <v>3465</v>
      </c>
      <c r="E133" s="10" t="s">
        <v>5906</v>
      </c>
      <c r="F133" s="10" t="s">
        <v>5907</v>
      </c>
      <c r="G133" s="10" t="s">
        <v>1423</v>
      </c>
      <c r="H133" s="10" t="s">
        <v>5905</v>
      </c>
      <c r="I133" s="11">
        <v>45201</v>
      </c>
    </row>
    <row r="134" spans="1:9" x14ac:dyDescent="0.2">
      <c r="A134" s="10">
        <v>3285</v>
      </c>
      <c r="B134" s="10" t="s">
        <v>7370</v>
      </c>
      <c r="C134" s="10" t="s">
        <v>7371</v>
      </c>
      <c r="D134" s="10" t="s">
        <v>4789</v>
      </c>
      <c r="E134" s="10" t="s">
        <v>7372</v>
      </c>
      <c r="F134" s="10" t="s">
        <v>7373</v>
      </c>
      <c r="G134" s="10" t="s">
        <v>7374</v>
      </c>
      <c r="H134" s="10" t="s">
        <v>7375</v>
      </c>
      <c r="I134" s="11">
        <v>45552</v>
      </c>
    </row>
    <row r="135" spans="1:9" x14ac:dyDescent="0.2">
      <c r="A135" s="10">
        <v>2362</v>
      </c>
      <c r="B135" s="10" t="s">
        <v>2383</v>
      </c>
      <c r="C135" s="10" t="s">
        <v>2384</v>
      </c>
      <c r="D135" s="10" t="s">
        <v>2385</v>
      </c>
      <c r="E135" s="10" t="s">
        <v>2386</v>
      </c>
      <c r="F135" s="10" t="s">
        <v>2387</v>
      </c>
      <c r="G135" s="10" t="s">
        <v>2388</v>
      </c>
      <c r="H135" s="10" t="s">
        <v>2384</v>
      </c>
      <c r="I135" s="11">
        <v>44224</v>
      </c>
    </row>
    <row r="136" spans="1:9" x14ac:dyDescent="0.2">
      <c r="A136" s="10">
        <v>3368</v>
      </c>
      <c r="B136" s="10" t="s">
        <v>7862</v>
      </c>
      <c r="C136" s="10" t="s">
        <v>7863</v>
      </c>
      <c r="D136" s="10" t="s">
        <v>7864</v>
      </c>
      <c r="E136" s="10" t="s">
        <v>7865</v>
      </c>
      <c r="F136" s="10" t="s">
        <v>7866</v>
      </c>
      <c r="G136" s="10" t="s">
        <v>7867</v>
      </c>
      <c r="H136" s="10" t="s">
        <v>7868</v>
      </c>
      <c r="I136" s="12">
        <v>45666</v>
      </c>
    </row>
    <row r="137" spans="1:9" x14ac:dyDescent="0.2">
      <c r="A137" s="10">
        <v>2031</v>
      </c>
      <c r="B137" s="10" t="s">
        <v>1727</v>
      </c>
      <c r="C137" s="10" t="s">
        <v>1728</v>
      </c>
      <c r="D137" s="10" t="s">
        <v>1729</v>
      </c>
      <c r="E137" s="10" t="s">
        <v>1730</v>
      </c>
      <c r="F137" s="10" t="s">
        <v>1731</v>
      </c>
      <c r="G137" s="10" t="s">
        <v>1732</v>
      </c>
      <c r="H137" s="10" t="s">
        <v>1733</v>
      </c>
      <c r="I137" s="11">
        <v>45390</v>
      </c>
    </row>
    <row r="138" spans="1:9" x14ac:dyDescent="0.2">
      <c r="A138" s="10">
        <v>2712</v>
      </c>
      <c r="B138" s="10" t="s">
        <v>4216</v>
      </c>
      <c r="C138" s="10" t="s">
        <v>4217</v>
      </c>
      <c r="D138" s="10" t="s">
        <v>3901</v>
      </c>
      <c r="E138" s="10" t="s">
        <v>4218</v>
      </c>
      <c r="F138" s="10" t="s">
        <v>4219</v>
      </c>
      <c r="G138" s="10" t="s">
        <v>4220</v>
      </c>
      <c r="H138" s="10" t="s">
        <v>4217</v>
      </c>
      <c r="I138" s="11">
        <v>44718</v>
      </c>
    </row>
    <row r="139" spans="1:9" x14ac:dyDescent="0.2">
      <c r="A139" s="10">
        <v>2778</v>
      </c>
      <c r="B139" s="10" t="s">
        <v>4580</v>
      </c>
      <c r="C139" s="10" t="s">
        <v>4581</v>
      </c>
      <c r="D139" s="10" t="s">
        <v>1974</v>
      </c>
      <c r="E139" s="10" t="s">
        <v>4582</v>
      </c>
      <c r="F139" s="10" t="s">
        <v>4583</v>
      </c>
      <c r="G139" s="10" t="s">
        <v>4584</v>
      </c>
      <c r="H139" s="10" t="s">
        <v>4585</v>
      </c>
      <c r="I139" s="11">
        <v>44805</v>
      </c>
    </row>
    <row r="140" spans="1:9" x14ac:dyDescent="0.2">
      <c r="A140" s="10">
        <v>3345</v>
      </c>
      <c r="B140" s="10" t="s">
        <v>7722</v>
      </c>
      <c r="C140" s="10" t="s">
        <v>7723</v>
      </c>
      <c r="D140" s="10" t="s">
        <v>7724</v>
      </c>
      <c r="E140" s="10" t="s">
        <v>7725</v>
      </c>
      <c r="F140" s="10" t="s">
        <v>7726</v>
      </c>
      <c r="G140" s="10" t="s">
        <v>7727</v>
      </c>
      <c r="H140" s="10" t="s">
        <v>7723</v>
      </c>
      <c r="I140" s="11">
        <v>45617</v>
      </c>
    </row>
    <row r="141" spans="1:9" x14ac:dyDescent="0.2">
      <c r="A141" s="10">
        <v>3053</v>
      </c>
      <c r="B141" s="10" t="s">
        <v>6103</v>
      </c>
      <c r="C141" s="10" t="s">
        <v>6104</v>
      </c>
      <c r="D141" s="10" t="s">
        <v>6105</v>
      </c>
      <c r="E141" s="10" t="s">
        <v>6106</v>
      </c>
      <c r="F141" s="10" t="s">
        <v>6107</v>
      </c>
      <c r="G141" s="10" t="s">
        <v>6108</v>
      </c>
      <c r="H141" s="10" t="s">
        <v>6109</v>
      </c>
      <c r="I141" s="11">
        <v>45257</v>
      </c>
    </row>
    <row r="142" spans="1:9" x14ac:dyDescent="0.2">
      <c r="A142" s="13">
        <v>3486</v>
      </c>
      <c r="B142" s="10" t="s">
        <v>8523</v>
      </c>
      <c r="C142" s="10" t="s">
        <v>8524</v>
      </c>
      <c r="D142" s="10" t="s">
        <v>4742</v>
      </c>
      <c r="E142" s="10" t="s">
        <v>8525</v>
      </c>
      <c r="F142" s="10" t="s">
        <v>3575</v>
      </c>
      <c r="G142" s="10" t="s">
        <v>6108</v>
      </c>
      <c r="H142" s="10" t="s">
        <v>8526</v>
      </c>
      <c r="I142" s="11">
        <v>45806</v>
      </c>
    </row>
    <row r="143" spans="1:9" x14ac:dyDescent="0.2">
      <c r="A143" s="10">
        <v>2951</v>
      </c>
      <c r="B143" s="10" t="s">
        <v>5543</v>
      </c>
      <c r="C143" s="10" t="s">
        <v>5544</v>
      </c>
      <c r="D143" s="10" t="s">
        <v>5545</v>
      </c>
      <c r="E143" s="10" t="s">
        <v>5546</v>
      </c>
      <c r="F143" s="10" t="s">
        <v>5547</v>
      </c>
      <c r="G143" s="10" t="s">
        <v>5548</v>
      </c>
      <c r="H143" s="10" t="s">
        <v>5549</v>
      </c>
      <c r="I143" s="11">
        <v>45096</v>
      </c>
    </row>
    <row r="144" spans="1:9" x14ac:dyDescent="0.2">
      <c r="A144" s="10">
        <v>3155</v>
      </c>
      <c r="B144" s="10" t="s">
        <v>6673</v>
      </c>
      <c r="C144" s="10" t="s">
        <v>6674</v>
      </c>
      <c r="D144" s="10" t="s">
        <v>3410</v>
      </c>
      <c r="E144" s="10" t="s">
        <v>6675</v>
      </c>
      <c r="F144" s="10" t="s">
        <v>6676</v>
      </c>
      <c r="G144" s="10" t="s">
        <v>6677</v>
      </c>
      <c r="H144" s="10" t="s">
        <v>6674</v>
      </c>
      <c r="I144" s="11">
        <v>45379</v>
      </c>
    </row>
    <row r="145" spans="1:9" x14ac:dyDescent="0.2">
      <c r="A145" s="10">
        <v>3281</v>
      </c>
      <c r="B145" s="10" t="s">
        <v>7349</v>
      </c>
      <c r="C145" s="10" t="s">
        <v>7350</v>
      </c>
      <c r="D145" s="10" t="s">
        <v>3429</v>
      </c>
      <c r="E145" s="10" t="s">
        <v>7351</v>
      </c>
      <c r="F145" s="10" t="s">
        <v>7352</v>
      </c>
      <c r="G145" s="10" t="s">
        <v>6677</v>
      </c>
      <c r="H145" s="10" t="s">
        <v>7353</v>
      </c>
      <c r="I145" s="11">
        <v>45537</v>
      </c>
    </row>
    <row r="146" spans="1:9" x14ac:dyDescent="0.2">
      <c r="A146" s="10">
        <v>2669</v>
      </c>
      <c r="B146" s="10" t="s">
        <v>3979</v>
      </c>
      <c r="C146" s="10" t="s">
        <v>3980</v>
      </c>
      <c r="D146" s="10" t="s">
        <v>3981</v>
      </c>
      <c r="E146" s="10" t="s">
        <v>3982</v>
      </c>
      <c r="F146" s="10" t="s">
        <v>3983</v>
      </c>
      <c r="G146" s="10" t="s">
        <v>3984</v>
      </c>
      <c r="H146" s="10" t="s">
        <v>3980</v>
      </c>
      <c r="I146" s="11">
        <v>44642</v>
      </c>
    </row>
    <row r="147" spans="1:9" x14ac:dyDescent="0.2">
      <c r="A147" s="10">
        <v>2390</v>
      </c>
      <c r="B147" s="10" t="s">
        <v>2520</v>
      </c>
      <c r="C147" s="10" t="s">
        <v>2521</v>
      </c>
      <c r="D147" s="10" t="s">
        <v>2522</v>
      </c>
      <c r="E147" s="10" t="s">
        <v>2523</v>
      </c>
      <c r="F147" s="10" t="s">
        <v>2524</v>
      </c>
      <c r="G147" s="10" t="s">
        <v>2525</v>
      </c>
      <c r="H147" s="10" t="s">
        <v>2521</v>
      </c>
      <c r="I147" s="11">
        <v>46050</v>
      </c>
    </row>
    <row r="148" spans="1:9" x14ac:dyDescent="0.2">
      <c r="A148" s="10">
        <v>2722</v>
      </c>
      <c r="B148" s="10" t="s">
        <v>4260</v>
      </c>
      <c r="C148" s="10" t="s">
        <v>4261</v>
      </c>
      <c r="D148" s="10" t="s">
        <v>4262</v>
      </c>
      <c r="E148" s="10" t="s">
        <v>4263</v>
      </c>
      <c r="F148" s="10" t="s">
        <v>4264</v>
      </c>
      <c r="G148" s="10" t="s">
        <v>4265</v>
      </c>
      <c r="H148" s="10" t="s">
        <v>4261</v>
      </c>
      <c r="I148" s="11">
        <v>44725</v>
      </c>
    </row>
    <row r="149" spans="1:9" x14ac:dyDescent="0.2">
      <c r="A149" s="10">
        <v>3321</v>
      </c>
      <c r="B149" s="10" t="s">
        <v>7582</v>
      </c>
      <c r="C149" s="10" t="s">
        <v>7583</v>
      </c>
      <c r="D149" s="10" t="s">
        <v>7584</v>
      </c>
      <c r="E149" s="10" t="s">
        <v>7585</v>
      </c>
      <c r="F149" s="10" t="s">
        <v>7586</v>
      </c>
      <c r="G149" s="10" t="s">
        <v>7587</v>
      </c>
      <c r="H149" s="10" t="s">
        <v>7583</v>
      </c>
      <c r="I149" s="11">
        <v>45589</v>
      </c>
    </row>
    <row r="150" spans="1:9" x14ac:dyDescent="0.2">
      <c r="A150" s="13">
        <v>3427</v>
      </c>
      <c r="B150" s="10" t="s">
        <v>8193</v>
      </c>
      <c r="C150" s="10" t="s">
        <v>8194</v>
      </c>
      <c r="D150" s="10" t="s">
        <v>8195</v>
      </c>
      <c r="E150" s="10" t="s">
        <v>8196</v>
      </c>
      <c r="F150" s="10" t="s">
        <v>8197</v>
      </c>
      <c r="G150" s="10" t="s">
        <v>8198</v>
      </c>
      <c r="H150" s="10" t="s">
        <v>8199</v>
      </c>
      <c r="I150" s="11">
        <v>45729</v>
      </c>
    </row>
    <row r="151" spans="1:9" x14ac:dyDescent="0.2">
      <c r="A151" s="10">
        <v>2110</v>
      </c>
      <c r="B151" s="10" t="s">
        <v>1858</v>
      </c>
      <c r="C151" s="10" t="s">
        <v>1859</v>
      </c>
      <c r="D151" s="10" t="s">
        <v>1860</v>
      </c>
      <c r="E151" s="10" t="s">
        <v>1861</v>
      </c>
      <c r="F151" s="10" t="s">
        <v>1862</v>
      </c>
      <c r="G151" s="10" t="s">
        <v>1863</v>
      </c>
      <c r="H151" s="10" t="s">
        <v>1864</v>
      </c>
      <c r="I151" s="11">
        <v>45502</v>
      </c>
    </row>
    <row r="152" spans="1:9" x14ac:dyDescent="0.2">
      <c r="A152" s="10">
        <v>2955</v>
      </c>
      <c r="B152" s="10" t="s">
        <v>5564</v>
      </c>
      <c r="C152" s="10" t="s">
        <v>5565</v>
      </c>
      <c r="D152" s="10" t="s">
        <v>1202</v>
      </c>
      <c r="E152" s="10" t="s">
        <v>1203</v>
      </c>
      <c r="F152" s="10" t="s">
        <v>1204</v>
      </c>
      <c r="G152" s="10" t="s">
        <v>5566</v>
      </c>
      <c r="H152" s="10" t="s">
        <v>1206</v>
      </c>
      <c r="I152" s="11">
        <v>45110</v>
      </c>
    </row>
    <row r="153" spans="1:9" x14ac:dyDescent="0.2">
      <c r="A153" s="10">
        <v>1757</v>
      </c>
      <c r="B153" s="10" t="s">
        <v>1201</v>
      </c>
      <c r="C153" s="10" t="s">
        <v>35</v>
      </c>
      <c r="D153" s="10" t="s">
        <v>1202</v>
      </c>
      <c r="E153" s="10" t="s">
        <v>1203</v>
      </c>
      <c r="F153" s="10" t="s">
        <v>1204</v>
      </c>
      <c r="G153" s="10" t="s">
        <v>1205</v>
      </c>
      <c r="H153" s="10" t="s">
        <v>1206</v>
      </c>
      <c r="I153" s="11">
        <v>44738</v>
      </c>
    </row>
    <row r="154" spans="1:9" x14ac:dyDescent="0.2">
      <c r="A154" s="10">
        <v>2427</v>
      </c>
      <c r="B154" s="10" t="s">
        <v>2723</v>
      </c>
      <c r="C154" s="10" t="s">
        <v>35</v>
      </c>
      <c r="D154" s="10" t="s">
        <v>2724</v>
      </c>
      <c r="E154" s="10" t="s">
        <v>2725</v>
      </c>
      <c r="F154" s="10" t="s">
        <v>2726</v>
      </c>
      <c r="G154" s="10" t="s">
        <v>2727</v>
      </c>
      <c r="H154" s="10" t="s">
        <v>2728</v>
      </c>
      <c r="I154" s="11">
        <v>44270</v>
      </c>
    </row>
    <row r="155" spans="1:9" x14ac:dyDescent="0.2">
      <c r="A155" s="10">
        <v>2221</v>
      </c>
      <c r="B155" s="10" t="s">
        <v>2085</v>
      </c>
      <c r="C155" s="10" t="s">
        <v>2086</v>
      </c>
      <c r="D155" s="10" t="s">
        <v>2087</v>
      </c>
      <c r="E155" s="10" t="s">
        <v>2088</v>
      </c>
      <c r="F155" s="10" t="s">
        <v>2089</v>
      </c>
      <c r="G155" s="10" t="s">
        <v>2090</v>
      </c>
      <c r="H155" s="10" t="s">
        <v>2086</v>
      </c>
      <c r="I155" s="11">
        <v>45763</v>
      </c>
    </row>
    <row r="156" spans="1:9" x14ac:dyDescent="0.2">
      <c r="A156" s="10">
        <v>1196</v>
      </c>
      <c r="B156" s="10" t="s">
        <v>525</v>
      </c>
      <c r="C156" s="10" t="s">
        <v>526</v>
      </c>
      <c r="D156" s="10" t="s">
        <v>527</v>
      </c>
      <c r="E156" s="10" t="s">
        <v>528</v>
      </c>
      <c r="F156" s="10" t="s">
        <v>529</v>
      </c>
      <c r="G156" s="10" t="s">
        <v>530</v>
      </c>
      <c r="H156" s="10" t="s">
        <v>526</v>
      </c>
      <c r="I156" s="11">
        <v>45061</v>
      </c>
    </row>
    <row r="157" spans="1:9" x14ac:dyDescent="0.2">
      <c r="A157" s="10">
        <v>2887</v>
      </c>
      <c r="B157" s="10" t="s">
        <v>5186</v>
      </c>
      <c r="C157" s="10" t="s">
        <v>5187</v>
      </c>
      <c r="D157" s="10" t="s">
        <v>3293</v>
      </c>
      <c r="E157" s="10" t="s">
        <v>5188</v>
      </c>
      <c r="F157" s="10" t="s">
        <v>5189</v>
      </c>
      <c r="G157" s="10" t="s">
        <v>530</v>
      </c>
      <c r="H157" s="10" t="s">
        <v>5190</v>
      </c>
      <c r="I157" s="11">
        <v>45001</v>
      </c>
    </row>
    <row r="158" spans="1:9" x14ac:dyDescent="0.2">
      <c r="A158" s="10">
        <v>2997</v>
      </c>
      <c r="B158" s="10" t="s">
        <v>5796</v>
      </c>
      <c r="C158" s="10" t="s">
        <v>5797</v>
      </c>
      <c r="D158" s="10" t="s">
        <v>5798</v>
      </c>
      <c r="E158" s="10" t="s">
        <v>5799</v>
      </c>
      <c r="F158" s="10" t="s">
        <v>5800</v>
      </c>
      <c r="G158" s="10" t="s">
        <v>5801</v>
      </c>
      <c r="H158" s="10" t="s">
        <v>5797</v>
      </c>
      <c r="I158" s="11">
        <v>45166</v>
      </c>
    </row>
    <row r="159" spans="1:9" x14ac:dyDescent="0.2">
      <c r="A159" s="10">
        <v>2676</v>
      </c>
      <c r="B159" s="10" t="s">
        <v>4021</v>
      </c>
      <c r="C159" s="10" t="s">
        <v>35</v>
      </c>
      <c r="D159" s="10" t="s">
        <v>2309</v>
      </c>
      <c r="E159" s="10" t="s">
        <v>4022</v>
      </c>
      <c r="F159" s="10" t="s">
        <v>4023</v>
      </c>
      <c r="G159" s="10" t="s">
        <v>4024</v>
      </c>
      <c r="H159" s="10" t="s">
        <v>4025</v>
      </c>
      <c r="I159" s="11">
        <v>44665</v>
      </c>
    </row>
    <row r="160" spans="1:9" x14ac:dyDescent="0.2">
      <c r="A160" s="10">
        <v>2999</v>
      </c>
      <c r="B160" s="10" t="s">
        <v>5808</v>
      </c>
      <c r="C160" s="10" t="s">
        <v>5809</v>
      </c>
      <c r="D160" s="10" t="s">
        <v>5810</v>
      </c>
      <c r="E160" s="10" t="s">
        <v>5811</v>
      </c>
      <c r="F160" s="10" t="s">
        <v>5812</v>
      </c>
      <c r="G160" s="10" t="s">
        <v>5813</v>
      </c>
      <c r="H160" s="10" t="s">
        <v>5814</v>
      </c>
      <c r="I160" s="11">
        <v>45232</v>
      </c>
    </row>
    <row r="161" spans="1:9" x14ac:dyDescent="0.2">
      <c r="A161" s="10">
        <v>2660</v>
      </c>
      <c r="B161" s="10" t="s">
        <v>3949</v>
      </c>
      <c r="C161" s="10" t="s">
        <v>3950</v>
      </c>
      <c r="D161" s="10" t="s">
        <v>3951</v>
      </c>
      <c r="E161" s="10" t="s">
        <v>3952</v>
      </c>
      <c r="F161" s="10" t="s">
        <v>3953</v>
      </c>
      <c r="G161" s="10" t="s">
        <v>3954</v>
      </c>
      <c r="H161" s="10" t="s">
        <v>3955</v>
      </c>
      <c r="I161" s="11">
        <v>44630</v>
      </c>
    </row>
    <row r="162" spans="1:9" x14ac:dyDescent="0.2">
      <c r="A162" s="10">
        <v>3182</v>
      </c>
      <c r="B162" s="10" t="s">
        <v>6808</v>
      </c>
      <c r="C162" s="10" t="s">
        <v>6809</v>
      </c>
      <c r="D162" s="10" t="s">
        <v>6810</v>
      </c>
      <c r="E162" s="10" t="s">
        <v>6811</v>
      </c>
      <c r="F162" s="10" t="s">
        <v>6812</v>
      </c>
      <c r="G162" s="10" t="s">
        <v>6813</v>
      </c>
      <c r="H162" s="10" t="s">
        <v>6814</v>
      </c>
      <c r="I162" s="11">
        <v>45400</v>
      </c>
    </row>
    <row r="163" spans="1:9" x14ac:dyDescent="0.2">
      <c r="A163" s="10">
        <v>2610</v>
      </c>
      <c r="B163" s="10" t="s">
        <v>3678</v>
      </c>
      <c r="C163" s="10" t="s">
        <v>3679</v>
      </c>
      <c r="D163" s="10" t="s">
        <v>3680</v>
      </c>
      <c r="E163" s="10" t="s">
        <v>3681</v>
      </c>
      <c r="F163" s="10" t="s">
        <v>3682</v>
      </c>
      <c r="G163" s="10" t="s">
        <v>3683</v>
      </c>
      <c r="H163" s="10" t="s">
        <v>3684</v>
      </c>
      <c r="I163" s="11">
        <v>44553</v>
      </c>
    </row>
    <row r="164" spans="1:9" x14ac:dyDescent="0.2">
      <c r="A164" s="10">
        <v>3346</v>
      </c>
      <c r="B164" s="10" t="s">
        <v>7728</v>
      </c>
      <c r="C164" s="10" t="s">
        <v>7729</v>
      </c>
      <c r="D164" s="10" t="s">
        <v>7730</v>
      </c>
      <c r="E164" s="10" t="s">
        <v>7731</v>
      </c>
      <c r="F164" s="10" t="s">
        <v>7732</v>
      </c>
      <c r="G164" s="10" t="s">
        <v>7733</v>
      </c>
      <c r="H164" s="10" t="s">
        <v>7729</v>
      </c>
      <c r="I164" s="11">
        <v>45617</v>
      </c>
    </row>
    <row r="165" spans="1:9" x14ac:dyDescent="0.2">
      <c r="A165" s="10">
        <v>891</v>
      </c>
      <c r="B165" s="10" t="s">
        <v>309</v>
      </c>
      <c r="C165" s="10" t="s">
        <v>310</v>
      </c>
      <c r="D165" s="10" t="s">
        <v>311</v>
      </c>
      <c r="E165" s="10" t="s">
        <v>312</v>
      </c>
      <c r="F165" s="10" t="s">
        <v>313</v>
      </c>
      <c r="G165" s="10" t="s">
        <v>314</v>
      </c>
      <c r="H165" s="10" t="s">
        <v>315</v>
      </c>
      <c r="I165" s="11">
        <v>45647</v>
      </c>
    </row>
    <row r="166" spans="1:9" x14ac:dyDescent="0.2">
      <c r="A166" s="10">
        <v>3046</v>
      </c>
      <c r="B166" s="10" t="s">
        <v>6077</v>
      </c>
      <c r="C166" s="10" t="s">
        <v>6078</v>
      </c>
      <c r="D166" s="10" t="s">
        <v>6079</v>
      </c>
      <c r="E166" s="10" t="s">
        <v>6080</v>
      </c>
      <c r="F166" s="10" t="s">
        <v>6081</v>
      </c>
      <c r="G166" s="10" t="s">
        <v>6082</v>
      </c>
      <c r="H166" s="10" t="s">
        <v>6083</v>
      </c>
      <c r="I166" s="11">
        <v>45239</v>
      </c>
    </row>
    <row r="167" spans="1:9" x14ac:dyDescent="0.2">
      <c r="A167" s="10">
        <v>2848</v>
      </c>
      <c r="B167" s="10" t="s">
        <v>4963</v>
      </c>
      <c r="C167" s="10" t="s">
        <v>4964</v>
      </c>
      <c r="D167" s="10" t="s">
        <v>4965</v>
      </c>
      <c r="E167" s="10" t="s">
        <v>4966</v>
      </c>
      <c r="F167" s="10" t="s">
        <v>4967</v>
      </c>
      <c r="G167" s="10" t="s">
        <v>4968</v>
      </c>
      <c r="H167" s="10" t="s">
        <v>4969</v>
      </c>
      <c r="I167" s="11">
        <v>44936</v>
      </c>
    </row>
    <row r="168" spans="1:9" x14ac:dyDescent="0.2">
      <c r="A168" s="13">
        <v>3518</v>
      </c>
      <c r="B168" s="10" t="s">
        <v>8700</v>
      </c>
      <c r="C168" s="10" t="s">
        <v>35</v>
      </c>
      <c r="D168" s="10" t="s">
        <v>8701</v>
      </c>
      <c r="E168" s="10" t="s">
        <v>8702</v>
      </c>
      <c r="F168" s="10" t="s">
        <v>8703</v>
      </c>
      <c r="G168" s="10" t="s">
        <v>8704</v>
      </c>
      <c r="H168" s="10" t="s">
        <v>8705</v>
      </c>
      <c r="I168" s="11">
        <v>45873</v>
      </c>
    </row>
    <row r="169" spans="1:9" x14ac:dyDescent="0.2">
      <c r="A169" s="10">
        <v>3277</v>
      </c>
      <c r="B169" s="10" t="s">
        <v>7328</v>
      </c>
      <c r="C169" s="10" t="s">
        <v>35</v>
      </c>
      <c r="D169" s="10" t="s">
        <v>7329</v>
      </c>
      <c r="E169" s="10" t="s">
        <v>7330</v>
      </c>
      <c r="F169" s="10" t="s">
        <v>7331</v>
      </c>
      <c r="G169" s="10" t="s">
        <v>7332</v>
      </c>
      <c r="H169" s="10" t="s">
        <v>7333</v>
      </c>
      <c r="I169" s="11">
        <v>45533</v>
      </c>
    </row>
    <row r="170" spans="1:9" x14ac:dyDescent="0.2">
      <c r="A170" s="10">
        <v>1719</v>
      </c>
      <c r="B170" s="10" t="s">
        <v>1135</v>
      </c>
      <c r="C170" s="10" t="s">
        <v>1136</v>
      </c>
      <c r="D170" s="10" t="s">
        <v>1137</v>
      </c>
      <c r="E170" s="10" t="s">
        <v>1138</v>
      </c>
      <c r="F170" s="10" t="s">
        <v>1139</v>
      </c>
      <c r="G170" s="10" t="s">
        <v>1140</v>
      </c>
      <c r="H170" s="10" t="s">
        <v>1136</v>
      </c>
      <c r="I170" s="11">
        <v>44657</v>
      </c>
    </row>
    <row r="171" spans="1:9" x14ac:dyDescent="0.2">
      <c r="A171" s="10">
        <v>33</v>
      </c>
      <c r="B171" s="10" t="s">
        <v>41</v>
      </c>
      <c r="C171" s="10" t="s">
        <v>35</v>
      </c>
      <c r="D171" s="10" t="s">
        <v>42</v>
      </c>
      <c r="E171" s="10" t="s">
        <v>43</v>
      </c>
      <c r="F171" s="10" t="s">
        <v>44</v>
      </c>
      <c r="G171" s="10" t="s">
        <v>45</v>
      </c>
      <c r="H171" s="10" t="s">
        <v>46</v>
      </c>
      <c r="I171" s="11">
        <v>44478</v>
      </c>
    </row>
    <row r="172" spans="1:9" x14ac:dyDescent="0.2">
      <c r="A172" s="10">
        <v>3404</v>
      </c>
      <c r="B172" s="10" t="s">
        <v>8061</v>
      </c>
      <c r="C172" s="10" t="s">
        <v>35</v>
      </c>
      <c r="D172" s="10" t="s">
        <v>1820</v>
      </c>
      <c r="E172" s="10" t="s">
        <v>8062</v>
      </c>
      <c r="F172" s="10" t="s">
        <v>8063</v>
      </c>
      <c r="G172" s="10" t="s">
        <v>8064</v>
      </c>
      <c r="H172" s="10" t="s">
        <v>8065</v>
      </c>
      <c r="I172" s="11">
        <v>45708</v>
      </c>
    </row>
    <row r="173" spans="1:9" x14ac:dyDescent="0.2">
      <c r="A173" s="10">
        <v>2471</v>
      </c>
      <c r="B173" s="10" t="s">
        <v>2954</v>
      </c>
      <c r="C173" s="10" t="s">
        <v>35</v>
      </c>
      <c r="D173" s="10" t="s">
        <v>2955</v>
      </c>
      <c r="E173" s="10" t="s">
        <v>2956</v>
      </c>
      <c r="F173" s="10" t="s">
        <v>2957</v>
      </c>
      <c r="G173" s="10" t="s">
        <v>2958</v>
      </c>
      <c r="H173" s="10" t="s">
        <v>2959</v>
      </c>
      <c r="I173" s="11">
        <v>44305</v>
      </c>
    </row>
    <row r="174" spans="1:9" x14ac:dyDescent="0.2">
      <c r="A174" s="14">
        <v>3600</v>
      </c>
      <c r="B174" s="15" t="s">
        <v>9160</v>
      </c>
      <c r="C174" s="10" t="s">
        <v>9161</v>
      </c>
      <c r="D174" s="15" t="s">
        <v>6868</v>
      </c>
      <c r="E174" s="10" t="s">
        <v>9162</v>
      </c>
      <c r="F174" s="10" t="s">
        <v>9163</v>
      </c>
      <c r="G174" s="10" t="s">
        <v>9164</v>
      </c>
      <c r="H174" s="10" t="s">
        <v>9161</v>
      </c>
      <c r="I174" s="11">
        <v>45981</v>
      </c>
    </row>
    <row r="175" spans="1:9" x14ac:dyDescent="0.2">
      <c r="A175" s="14">
        <v>3559</v>
      </c>
      <c r="B175" s="15" t="s">
        <v>8937</v>
      </c>
      <c r="C175" s="10" t="s">
        <v>8938</v>
      </c>
      <c r="D175" s="15" t="s">
        <v>6182</v>
      </c>
      <c r="E175" s="10" t="s">
        <v>8939</v>
      </c>
      <c r="F175" s="10" t="s">
        <v>8940</v>
      </c>
      <c r="G175" s="10" t="s">
        <v>8941</v>
      </c>
      <c r="H175" s="10" t="s">
        <v>8942</v>
      </c>
      <c r="I175" s="11">
        <v>45916</v>
      </c>
    </row>
    <row r="176" spans="1:9" x14ac:dyDescent="0.2">
      <c r="A176" s="10">
        <v>2800</v>
      </c>
      <c r="B176" s="10" t="s">
        <v>4705</v>
      </c>
      <c r="C176" s="10" t="s">
        <v>4706</v>
      </c>
      <c r="D176" s="10" t="s">
        <v>4707</v>
      </c>
      <c r="E176" s="10" t="s">
        <v>4708</v>
      </c>
      <c r="F176" s="10" t="s">
        <v>4709</v>
      </c>
      <c r="G176" s="10" t="s">
        <v>4710</v>
      </c>
      <c r="H176" s="10" t="s">
        <v>4711</v>
      </c>
      <c r="I176" s="11">
        <v>44847</v>
      </c>
    </row>
    <row r="177" spans="1:9" x14ac:dyDescent="0.2">
      <c r="A177" s="10">
        <v>2217</v>
      </c>
      <c r="B177" s="10" t="s">
        <v>2073</v>
      </c>
      <c r="C177" s="10" t="s">
        <v>2074</v>
      </c>
      <c r="D177" s="10" t="s">
        <v>2075</v>
      </c>
      <c r="E177" s="10" t="s">
        <v>2076</v>
      </c>
      <c r="F177" s="10" t="s">
        <v>2077</v>
      </c>
      <c r="G177" s="10" t="s">
        <v>2078</v>
      </c>
      <c r="H177" s="10" t="s">
        <v>2074</v>
      </c>
      <c r="I177" s="11">
        <v>45753</v>
      </c>
    </row>
    <row r="178" spans="1:9" x14ac:dyDescent="0.2">
      <c r="A178" s="10">
        <v>2638</v>
      </c>
      <c r="B178" s="10" t="s">
        <v>3830</v>
      </c>
      <c r="C178" s="10" t="s">
        <v>35</v>
      </c>
      <c r="D178" s="10" t="s">
        <v>3831</v>
      </c>
      <c r="E178" s="10" t="s">
        <v>3832</v>
      </c>
      <c r="F178" s="10" t="s">
        <v>3833</v>
      </c>
      <c r="G178" s="10" t="s">
        <v>3834</v>
      </c>
      <c r="H178" s="10" t="s">
        <v>3835</v>
      </c>
      <c r="I178" s="11">
        <v>44585</v>
      </c>
    </row>
    <row r="179" spans="1:9" x14ac:dyDescent="0.2">
      <c r="A179" s="10">
        <v>2279</v>
      </c>
      <c r="B179" s="10" t="s">
        <v>2215</v>
      </c>
      <c r="C179" s="10" t="s">
        <v>2216</v>
      </c>
      <c r="D179" s="10" t="s">
        <v>2217</v>
      </c>
      <c r="E179" s="10" t="s">
        <v>2218</v>
      </c>
      <c r="F179" s="10" t="s">
        <v>2219</v>
      </c>
      <c r="G179" s="10" t="s">
        <v>2220</v>
      </c>
      <c r="H179" s="10" t="s">
        <v>2216</v>
      </c>
      <c r="I179" s="11">
        <v>45865</v>
      </c>
    </row>
    <row r="180" spans="1:9" x14ac:dyDescent="0.2">
      <c r="A180" s="10">
        <v>3276</v>
      </c>
      <c r="B180" s="10" t="s">
        <v>7322</v>
      </c>
      <c r="C180" s="10" t="s">
        <v>7323</v>
      </c>
      <c r="D180" s="10" t="s">
        <v>7324</v>
      </c>
      <c r="E180" s="10" t="s">
        <v>7325</v>
      </c>
      <c r="F180" s="10" t="s">
        <v>7326</v>
      </c>
      <c r="G180" s="10" t="s">
        <v>7327</v>
      </c>
      <c r="H180" s="10" t="s">
        <v>7323</v>
      </c>
      <c r="I180" s="11">
        <v>45530</v>
      </c>
    </row>
    <row r="181" spans="1:9" x14ac:dyDescent="0.2">
      <c r="A181" s="10">
        <v>3141</v>
      </c>
      <c r="B181" s="10" t="s">
        <v>6595</v>
      </c>
      <c r="C181" s="10" t="s">
        <v>6596</v>
      </c>
      <c r="D181" s="10" t="s">
        <v>746</v>
      </c>
      <c r="E181" s="10" t="s">
        <v>6597</v>
      </c>
      <c r="F181" s="10" t="s">
        <v>6598</v>
      </c>
      <c r="G181" s="10" t="s">
        <v>6599</v>
      </c>
      <c r="H181" s="10" t="s">
        <v>6600</v>
      </c>
      <c r="I181" s="11">
        <v>45351</v>
      </c>
    </row>
    <row r="182" spans="1:9" x14ac:dyDescent="0.2">
      <c r="A182" s="10">
        <v>1154</v>
      </c>
      <c r="B182" s="10" t="s">
        <v>482</v>
      </c>
      <c r="C182" s="10" t="s">
        <v>483</v>
      </c>
      <c r="D182" s="10" t="s">
        <v>484</v>
      </c>
      <c r="E182" s="10" t="s">
        <v>485</v>
      </c>
      <c r="F182" s="10" t="s">
        <v>486</v>
      </c>
      <c r="G182" s="10" t="s">
        <v>487</v>
      </c>
      <c r="H182" s="10" t="s">
        <v>483</v>
      </c>
      <c r="I182" s="11">
        <v>44955</v>
      </c>
    </row>
    <row r="183" spans="1:9" x14ac:dyDescent="0.2">
      <c r="A183" s="13">
        <v>3511</v>
      </c>
      <c r="B183" s="10" t="s">
        <v>8659</v>
      </c>
      <c r="C183" s="10" t="s">
        <v>8660</v>
      </c>
      <c r="D183" s="10" t="s">
        <v>8661</v>
      </c>
      <c r="E183" s="10" t="s">
        <v>8662</v>
      </c>
      <c r="F183" s="10" t="s">
        <v>8663</v>
      </c>
      <c r="G183" s="10" t="s">
        <v>8664</v>
      </c>
      <c r="H183" s="10" t="s">
        <v>2648</v>
      </c>
      <c r="I183" s="11">
        <v>45834</v>
      </c>
    </row>
    <row r="184" spans="1:9" x14ac:dyDescent="0.2">
      <c r="A184" s="10">
        <v>2501</v>
      </c>
      <c r="B184" s="10" t="s">
        <v>3112</v>
      </c>
      <c r="C184" s="10" t="s">
        <v>3113</v>
      </c>
      <c r="D184" s="10" t="s">
        <v>3114</v>
      </c>
      <c r="E184" s="10" t="s">
        <v>3115</v>
      </c>
      <c r="F184" s="10" t="s">
        <v>3116</v>
      </c>
      <c r="G184" s="10" t="s">
        <v>3117</v>
      </c>
      <c r="H184" s="10" t="s">
        <v>3113</v>
      </c>
      <c r="I184" s="11">
        <v>44347</v>
      </c>
    </row>
    <row r="185" spans="1:9" x14ac:dyDescent="0.2">
      <c r="A185" s="10">
        <v>3373</v>
      </c>
      <c r="B185" s="10" t="s">
        <v>3112</v>
      </c>
      <c r="C185" s="10" t="s">
        <v>7886</v>
      </c>
      <c r="D185" s="10" t="s">
        <v>1186</v>
      </c>
      <c r="E185" s="10" t="s">
        <v>7887</v>
      </c>
      <c r="F185" s="10" t="s">
        <v>7888</v>
      </c>
      <c r="G185" s="10" t="s">
        <v>3117</v>
      </c>
      <c r="H185" s="10" t="s">
        <v>7886</v>
      </c>
      <c r="I185" s="12">
        <v>45666</v>
      </c>
    </row>
    <row r="186" spans="1:9" x14ac:dyDescent="0.2">
      <c r="A186" s="10">
        <v>2880</v>
      </c>
      <c r="B186" s="10" t="s">
        <v>5150</v>
      </c>
      <c r="C186" s="10" t="s">
        <v>5151</v>
      </c>
      <c r="D186" s="10" t="s">
        <v>5152</v>
      </c>
      <c r="E186" s="10" t="s">
        <v>5153</v>
      </c>
      <c r="F186" s="10" t="s">
        <v>5154</v>
      </c>
      <c r="G186" s="10" t="s">
        <v>5155</v>
      </c>
      <c r="H186" s="10" t="s">
        <v>5156</v>
      </c>
      <c r="I186" s="11">
        <v>45001</v>
      </c>
    </row>
    <row r="187" spans="1:9" x14ac:dyDescent="0.2">
      <c r="A187" s="14">
        <v>3546</v>
      </c>
      <c r="B187" s="15" t="s">
        <v>8859</v>
      </c>
      <c r="C187" s="10" t="s">
        <v>8860</v>
      </c>
      <c r="D187" s="15" t="s">
        <v>8861</v>
      </c>
      <c r="E187" s="10" t="s">
        <v>8862</v>
      </c>
      <c r="F187" s="10" t="s">
        <v>8863</v>
      </c>
      <c r="G187" s="10" t="s">
        <v>8864</v>
      </c>
      <c r="H187" s="10" t="s">
        <v>8860</v>
      </c>
      <c r="I187" s="11">
        <v>45908</v>
      </c>
    </row>
    <row r="188" spans="1:9" x14ac:dyDescent="0.2">
      <c r="A188" s="10">
        <v>2453</v>
      </c>
      <c r="B188" s="10" t="s">
        <v>2848</v>
      </c>
      <c r="C188" s="10" t="s">
        <v>2849</v>
      </c>
      <c r="D188" s="10" t="s">
        <v>2850</v>
      </c>
      <c r="E188" s="10" t="s">
        <v>2851</v>
      </c>
      <c r="F188" s="10" t="s">
        <v>2852</v>
      </c>
      <c r="G188" s="10" t="s">
        <v>2853</v>
      </c>
      <c r="H188" s="10" t="s">
        <v>2849</v>
      </c>
      <c r="I188" s="11">
        <v>44298</v>
      </c>
    </row>
    <row r="189" spans="1:9" x14ac:dyDescent="0.2">
      <c r="A189" s="14">
        <v>3548</v>
      </c>
      <c r="B189" s="15" t="s">
        <v>2848</v>
      </c>
      <c r="C189" s="10" t="s">
        <v>8871</v>
      </c>
      <c r="D189" s="15" t="s">
        <v>1686</v>
      </c>
      <c r="E189" s="10" t="s">
        <v>8872</v>
      </c>
      <c r="F189" s="10" t="s">
        <v>8873</v>
      </c>
      <c r="G189" s="10" t="s">
        <v>2853</v>
      </c>
      <c r="H189" s="10" t="s">
        <v>8874</v>
      </c>
      <c r="I189" s="11">
        <v>45890</v>
      </c>
    </row>
    <row r="190" spans="1:9" x14ac:dyDescent="0.2">
      <c r="A190" s="10">
        <v>714</v>
      </c>
      <c r="B190" s="10" t="s">
        <v>247</v>
      </c>
      <c r="C190" s="10" t="s">
        <v>35</v>
      </c>
      <c r="D190" s="10" t="s">
        <v>248</v>
      </c>
      <c r="E190" s="10" t="s">
        <v>249</v>
      </c>
      <c r="F190" s="10" t="s">
        <v>250</v>
      </c>
      <c r="G190" s="10" t="s">
        <v>251</v>
      </c>
      <c r="H190" s="10" t="s">
        <v>252</v>
      </c>
      <c r="I190" s="11">
        <v>44892</v>
      </c>
    </row>
    <row r="191" spans="1:9" x14ac:dyDescent="0.2">
      <c r="A191" s="10">
        <v>2547</v>
      </c>
      <c r="B191" s="10" t="s">
        <v>3337</v>
      </c>
      <c r="C191" s="10" t="s">
        <v>3338</v>
      </c>
      <c r="D191" s="10" t="s">
        <v>3339</v>
      </c>
      <c r="E191" s="10" t="s">
        <v>3340</v>
      </c>
      <c r="F191" s="10" t="s">
        <v>3341</v>
      </c>
      <c r="G191" s="10" t="s">
        <v>3342</v>
      </c>
      <c r="H191" s="10" t="s">
        <v>3343</v>
      </c>
      <c r="I191" s="11">
        <v>44441</v>
      </c>
    </row>
    <row r="192" spans="1:9" x14ac:dyDescent="0.2">
      <c r="A192" s="14">
        <v>3626</v>
      </c>
      <c r="B192" s="15" t="s">
        <v>9309</v>
      </c>
      <c r="C192" s="10" t="s">
        <v>9310</v>
      </c>
      <c r="D192" s="15" t="s">
        <v>8855</v>
      </c>
      <c r="E192" s="10" t="s">
        <v>9311</v>
      </c>
      <c r="F192" s="10" t="s">
        <v>9312</v>
      </c>
      <c r="G192" s="10" t="s">
        <v>9313</v>
      </c>
      <c r="H192" s="10" t="s">
        <v>9310</v>
      </c>
      <c r="I192" s="11">
        <v>46009</v>
      </c>
    </row>
    <row r="193" spans="1:9" x14ac:dyDescent="0.2">
      <c r="A193" s="10">
        <v>2229</v>
      </c>
      <c r="B193" s="10" t="s">
        <v>2109</v>
      </c>
      <c r="C193" s="10" t="s">
        <v>2110</v>
      </c>
      <c r="D193" s="10" t="s">
        <v>2111</v>
      </c>
      <c r="E193" s="10" t="s">
        <v>2112</v>
      </c>
      <c r="F193" s="10" t="s">
        <v>2113</v>
      </c>
      <c r="G193" s="10" t="s">
        <v>2114</v>
      </c>
      <c r="H193" s="10" t="s">
        <v>2110</v>
      </c>
      <c r="I193" s="11">
        <v>45770</v>
      </c>
    </row>
    <row r="194" spans="1:9" x14ac:dyDescent="0.2">
      <c r="A194" s="10">
        <v>3181</v>
      </c>
      <c r="B194" s="10" t="s">
        <v>6801</v>
      </c>
      <c r="C194" s="10" t="s">
        <v>6802</v>
      </c>
      <c r="D194" s="10" t="s">
        <v>6803</v>
      </c>
      <c r="E194" s="10" t="s">
        <v>6804</v>
      </c>
      <c r="F194" s="10" t="s">
        <v>6805</v>
      </c>
      <c r="G194" s="10" t="s">
        <v>6806</v>
      </c>
      <c r="H194" s="10" t="s">
        <v>6807</v>
      </c>
      <c r="I194" s="11">
        <v>45400</v>
      </c>
    </row>
    <row r="195" spans="1:9" x14ac:dyDescent="0.2">
      <c r="A195" s="10">
        <v>3108</v>
      </c>
      <c r="B195" s="10" t="s">
        <v>6422</v>
      </c>
      <c r="C195" s="10" t="s">
        <v>6423</v>
      </c>
      <c r="D195" s="10" t="s">
        <v>3580</v>
      </c>
      <c r="E195" s="10" t="s">
        <v>6424</v>
      </c>
      <c r="F195" s="10" t="s">
        <v>6425</v>
      </c>
      <c r="G195" s="10" t="s">
        <v>6426</v>
      </c>
      <c r="H195" s="10" t="s">
        <v>6423</v>
      </c>
      <c r="I195" s="11">
        <v>45300</v>
      </c>
    </row>
    <row r="196" spans="1:9" x14ac:dyDescent="0.2">
      <c r="A196" s="10">
        <v>2042</v>
      </c>
      <c r="B196" s="10" t="s">
        <v>1759</v>
      </c>
      <c r="C196" s="10" t="s">
        <v>1760</v>
      </c>
      <c r="D196" s="10" t="s">
        <v>1761</v>
      </c>
      <c r="E196" s="10" t="s">
        <v>1762</v>
      </c>
      <c r="F196" s="10" t="s">
        <v>1763</v>
      </c>
      <c r="G196" s="10" t="s">
        <v>1764</v>
      </c>
      <c r="H196" s="10" t="s">
        <v>1760</v>
      </c>
      <c r="I196" s="11">
        <v>45397</v>
      </c>
    </row>
    <row r="197" spans="1:9" x14ac:dyDescent="0.2">
      <c r="A197" s="10">
        <v>1905</v>
      </c>
      <c r="B197" s="10" t="s">
        <v>1529</v>
      </c>
      <c r="C197" s="10" t="s">
        <v>1530</v>
      </c>
      <c r="D197" s="10" t="s">
        <v>1531</v>
      </c>
      <c r="E197" s="10" t="s">
        <v>1532</v>
      </c>
      <c r="F197" s="10" t="s">
        <v>1533</v>
      </c>
      <c r="G197" s="10" t="s">
        <v>1534</v>
      </c>
      <c r="H197" s="10" t="s">
        <v>1535</v>
      </c>
      <c r="I197" s="11">
        <v>45067</v>
      </c>
    </row>
    <row r="198" spans="1:9" x14ac:dyDescent="0.2">
      <c r="A198" s="10">
        <v>2538</v>
      </c>
      <c r="B198" s="10" t="s">
        <v>1529</v>
      </c>
      <c r="C198" s="10" t="s">
        <v>3282</v>
      </c>
      <c r="D198" s="10" t="s">
        <v>1355</v>
      </c>
      <c r="E198" s="10" t="s">
        <v>3283</v>
      </c>
      <c r="F198" s="10" t="s">
        <v>3284</v>
      </c>
      <c r="G198" s="10" t="s">
        <v>1534</v>
      </c>
      <c r="H198" s="10" t="s">
        <v>3282</v>
      </c>
      <c r="I198" s="11">
        <v>44389</v>
      </c>
    </row>
    <row r="199" spans="1:9" x14ac:dyDescent="0.2">
      <c r="A199" s="10">
        <v>3021</v>
      </c>
      <c r="B199" s="10" t="s">
        <v>5939</v>
      </c>
      <c r="C199" s="10" t="s">
        <v>5940</v>
      </c>
      <c r="D199" s="10" t="s">
        <v>4563</v>
      </c>
      <c r="E199" s="10" t="s">
        <v>5941</v>
      </c>
      <c r="F199" s="10" t="s">
        <v>5942</v>
      </c>
      <c r="G199" s="10" t="s">
        <v>5943</v>
      </c>
      <c r="H199" s="10" t="s">
        <v>5940</v>
      </c>
      <c r="I199" s="11">
        <v>45197</v>
      </c>
    </row>
    <row r="200" spans="1:9" x14ac:dyDescent="0.2">
      <c r="A200" s="10">
        <v>2575</v>
      </c>
      <c r="B200" s="10" t="s">
        <v>3481</v>
      </c>
      <c r="C200" s="10" t="s">
        <v>3482</v>
      </c>
      <c r="D200" s="10" t="s">
        <v>1960</v>
      </c>
      <c r="E200" s="10" t="s">
        <v>3483</v>
      </c>
      <c r="F200" s="10" t="s">
        <v>3484</v>
      </c>
      <c r="G200" s="10" t="s">
        <v>3485</v>
      </c>
      <c r="H200" s="10" t="s">
        <v>3486</v>
      </c>
      <c r="I200" s="11">
        <v>44494</v>
      </c>
    </row>
    <row r="201" spans="1:9" x14ac:dyDescent="0.2">
      <c r="A201" s="10">
        <v>3393</v>
      </c>
      <c r="B201" s="10" t="s">
        <v>7997</v>
      </c>
      <c r="C201" s="10" t="s">
        <v>7998</v>
      </c>
      <c r="D201" s="10" t="s">
        <v>7999</v>
      </c>
      <c r="E201" s="10" t="s">
        <v>8000</v>
      </c>
      <c r="F201" s="10" t="s">
        <v>8001</v>
      </c>
      <c r="G201" s="10" t="s">
        <v>8002</v>
      </c>
      <c r="H201" s="10" t="s">
        <v>7998</v>
      </c>
      <c r="I201" s="11">
        <v>45687</v>
      </c>
    </row>
    <row r="202" spans="1:9" x14ac:dyDescent="0.2">
      <c r="A202" s="10">
        <v>702</v>
      </c>
      <c r="B202" s="10" t="s">
        <v>235</v>
      </c>
      <c r="C202" s="10" t="s">
        <v>35</v>
      </c>
      <c r="D202" s="10" t="s">
        <v>236</v>
      </c>
      <c r="E202" s="10" t="s">
        <v>237</v>
      </c>
      <c r="F202" s="10" t="s">
        <v>238</v>
      </c>
      <c r="G202" s="10" t="s">
        <v>239</v>
      </c>
      <c r="H202" s="10" t="s">
        <v>240</v>
      </c>
      <c r="I202" s="11">
        <v>44849</v>
      </c>
    </row>
    <row r="203" spans="1:9" x14ac:dyDescent="0.2">
      <c r="A203" s="10">
        <v>1958</v>
      </c>
      <c r="B203" s="10" t="s">
        <v>1611</v>
      </c>
      <c r="C203" s="10" t="s">
        <v>1612</v>
      </c>
      <c r="D203" s="10" t="s">
        <v>1613</v>
      </c>
      <c r="E203" s="10" t="s">
        <v>1614</v>
      </c>
      <c r="F203" s="10" t="s">
        <v>1615</v>
      </c>
      <c r="G203" s="10" t="s">
        <v>1616</v>
      </c>
      <c r="H203" s="10" t="s">
        <v>1617</v>
      </c>
      <c r="I203" s="11">
        <v>45200</v>
      </c>
    </row>
    <row r="204" spans="1:9" x14ac:dyDescent="0.2">
      <c r="A204" s="10">
        <v>3107</v>
      </c>
      <c r="B204" s="10" t="s">
        <v>6415</v>
      </c>
      <c r="C204" s="10" t="s">
        <v>6416</v>
      </c>
      <c r="D204" s="10" t="s">
        <v>6417</v>
      </c>
      <c r="E204" s="10" t="s">
        <v>6418</v>
      </c>
      <c r="F204" s="10" t="s">
        <v>6419</v>
      </c>
      <c r="G204" s="10" t="s">
        <v>6420</v>
      </c>
      <c r="H204" s="10" t="s">
        <v>6421</v>
      </c>
      <c r="I204" s="11">
        <v>45300</v>
      </c>
    </row>
    <row r="205" spans="1:9" x14ac:dyDescent="0.2">
      <c r="A205" s="10">
        <v>3199</v>
      </c>
      <c r="B205" s="10" t="s">
        <v>6898</v>
      </c>
      <c r="C205" s="10" t="s">
        <v>6899</v>
      </c>
      <c r="D205" s="10" t="s">
        <v>6900</v>
      </c>
      <c r="E205" s="10" t="s">
        <v>6901</v>
      </c>
      <c r="F205" s="10" t="s">
        <v>6902</v>
      </c>
      <c r="G205" s="10" t="s">
        <v>6903</v>
      </c>
      <c r="H205" s="10" t="s">
        <v>6899</v>
      </c>
      <c r="I205" s="11">
        <v>45428</v>
      </c>
    </row>
    <row r="206" spans="1:9" x14ac:dyDescent="0.2">
      <c r="A206" s="10">
        <v>2636</v>
      </c>
      <c r="B206" s="10" t="s">
        <v>3818</v>
      </c>
      <c r="C206" s="10" t="s">
        <v>3819</v>
      </c>
      <c r="D206" s="10" t="s">
        <v>2390</v>
      </c>
      <c r="E206" s="10" t="s">
        <v>3820</v>
      </c>
      <c r="F206" s="10" t="s">
        <v>3821</v>
      </c>
      <c r="G206" s="10" t="s">
        <v>3822</v>
      </c>
      <c r="H206" s="10" t="s">
        <v>3823</v>
      </c>
      <c r="I206" s="11">
        <v>44585</v>
      </c>
    </row>
    <row r="207" spans="1:9" x14ac:dyDescent="0.2">
      <c r="A207" s="13">
        <v>3482</v>
      </c>
      <c r="B207" s="10" t="s">
        <v>8501</v>
      </c>
      <c r="C207" s="10" t="s">
        <v>8502</v>
      </c>
      <c r="D207" s="10" t="s">
        <v>8503</v>
      </c>
      <c r="E207" s="10" t="s">
        <v>8504</v>
      </c>
      <c r="F207" s="10" t="s">
        <v>8505</v>
      </c>
      <c r="G207" s="10" t="s">
        <v>8506</v>
      </c>
      <c r="H207" s="10" t="s">
        <v>8507</v>
      </c>
      <c r="I207" s="11">
        <v>45820</v>
      </c>
    </row>
    <row r="208" spans="1:9" x14ac:dyDescent="0.2">
      <c r="A208" s="10">
        <v>3064</v>
      </c>
      <c r="B208" s="10" t="s">
        <v>6169</v>
      </c>
      <c r="C208" s="10" t="s">
        <v>6170</v>
      </c>
      <c r="D208" s="10" t="s">
        <v>144</v>
      </c>
      <c r="E208" s="10" t="s">
        <v>6171</v>
      </c>
      <c r="F208" s="10" t="s">
        <v>6172</v>
      </c>
      <c r="G208" s="10" t="s">
        <v>6173</v>
      </c>
      <c r="H208" s="10" t="s">
        <v>6170</v>
      </c>
      <c r="I208" s="11">
        <v>45257</v>
      </c>
    </row>
    <row r="209" spans="1:9" x14ac:dyDescent="0.2">
      <c r="A209" s="13">
        <v>3533</v>
      </c>
      <c r="B209" s="10" t="s">
        <v>8789</v>
      </c>
      <c r="C209" s="10" t="s">
        <v>8790</v>
      </c>
      <c r="D209" s="10" t="s">
        <v>8791</v>
      </c>
      <c r="E209" s="10" t="s">
        <v>8792</v>
      </c>
      <c r="F209" s="10" t="s">
        <v>8793</v>
      </c>
      <c r="G209" s="10" t="s">
        <v>8794</v>
      </c>
      <c r="H209" s="10" t="s">
        <v>8790</v>
      </c>
      <c r="I209" s="11">
        <v>45869</v>
      </c>
    </row>
    <row r="210" spans="1:9" x14ac:dyDescent="0.2">
      <c r="A210" s="14">
        <v>3631</v>
      </c>
      <c r="B210" s="15" t="s">
        <v>9325</v>
      </c>
      <c r="C210" s="10" t="s">
        <v>9326</v>
      </c>
      <c r="D210" s="15" t="s">
        <v>9327</v>
      </c>
      <c r="E210" s="10" t="s">
        <v>9328</v>
      </c>
      <c r="F210" s="10" t="s">
        <v>9329</v>
      </c>
      <c r="G210" s="10" t="s">
        <v>9330</v>
      </c>
      <c r="H210" s="10" t="s">
        <v>9326</v>
      </c>
      <c r="I210" s="11">
        <v>46006</v>
      </c>
    </row>
    <row r="211" spans="1:9" x14ac:dyDescent="0.2">
      <c r="A211" s="10">
        <v>1718</v>
      </c>
      <c r="B211" s="10" t="s">
        <v>1129</v>
      </c>
      <c r="C211" s="10" t="s">
        <v>1130</v>
      </c>
      <c r="D211" s="10" t="s">
        <v>1131</v>
      </c>
      <c r="E211" s="10" t="s">
        <v>1132</v>
      </c>
      <c r="F211" s="10" t="s">
        <v>1133</v>
      </c>
      <c r="G211" s="10" t="s">
        <v>1134</v>
      </c>
      <c r="H211" s="10" t="s">
        <v>1130</v>
      </c>
      <c r="I211" s="11">
        <v>44650</v>
      </c>
    </row>
    <row r="212" spans="1:9" x14ac:dyDescent="0.2">
      <c r="A212" s="10">
        <v>2736</v>
      </c>
      <c r="B212" s="10" t="s">
        <v>4339</v>
      </c>
      <c r="C212" s="10" t="s">
        <v>4340</v>
      </c>
      <c r="D212" s="10" t="s">
        <v>3210</v>
      </c>
      <c r="E212" s="10" t="s">
        <v>4341</v>
      </c>
      <c r="F212" s="10" t="s">
        <v>4342</v>
      </c>
      <c r="G212" s="10" t="s">
        <v>4343</v>
      </c>
      <c r="H212" s="10" t="s">
        <v>4344</v>
      </c>
      <c r="I212" s="11">
        <v>44753</v>
      </c>
    </row>
    <row r="213" spans="1:9" x14ac:dyDescent="0.2">
      <c r="A213" s="10">
        <v>3361</v>
      </c>
      <c r="B213" s="10" t="s">
        <v>7817</v>
      </c>
      <c r="C213" s="10" t="s">
        <v>7818</v>
      </c>
      <c r="D213" s="10" t="s">
        <v>4707</v>
      </c>
      <c r="E213" s="10" t="s">
        <v>7819</v>
      </c>
      <c r="F213" s="10" t="s">
        <v>7820</v>
      </c>
      <c r="G213" s="10" t="s">
        <v>7821</v>
      </c>
      <c r="H213" s="10" t="s">
        <v>7822</v>
      </c>
      <c r="I213" s="12">
        <v>45642</v>
      </c>
    </row>
    <row r="214" spans="1:9" x14ac:dyDescent="0.2">
      <c r="A214" s="10">
        <v>2142</v>
      </c>
      <c r="B214" s="10" t="s">
        <v>1927</v>
      </c>
      <c r="C214" s="10" t="s">
        <v>1928</v>
      </c>
      <c r="D214" s="10" t="s">
        <v>1929</v>
      </c>
      <c r="E214" s="10" t="s">
        <v>1930</v>
      </c>
      <c r="F214" s="10" t="s">
        <v>1931</v>
      </c>
      <c r="G214" s="10" t="s">
        <v>1932</v>
      </c>
      <c r="H214" s="10" t="s">
        <v>1933</v>
      </c>
      <c r="I214" s="11">
        <v>45580</v>
      </c>
    </row>
    <row r="215" spans="1:9" x14ac:dyDescent="0.2">
      <c r="A215" s="10">
        <v>3170</v>
      </c>
      <c r="B215" s="10" t="s">
        <v>6744</v>
      </c>
      <c r="C215" s="10" t="s">
        <v>6745</v>
      </c>
      <c r="D215" s="10" t="s">
        <v>6746</v>
      </c>
      <c r="E215" s="10" t="s">
        <v>6747</v>
      </c>
      <c r="F215" s="10" t="s">
        <v>6748</v>
      </c>
      <c r="G215" s="10" t="s">
        <v>1932</v>
      </c>
      <c r="H215" s="10" t="s">
        <v>6745</v>
      </c>
      <c r="I215" s="11">
        <v>45376</v>
      </c>
    </row>
    <row r="216" spans="1:9" x14ac:dyDescent="0.2">
      <c r="A216" s="10">
        <v>3229</v>
      </c>
      <c r="B216" s="10" t="s">
        <v>7063</v>
      </c>
      <c r="C216" s="10" t="s">
        <v>6059</v>
      </c>
      <c r="D216" s="10" t="s">
        <v>3654</v>
      </c>
      <c r="E216" s="10" t="s">
        <v>7064</v>
      </c>
      <c r="F216" s="10" t="s">
        <v>7065</v>
      </c>
      <c r="G216" s="10" t="s">
        <v>7066</v>
      </c>
      <c r="H216" s="10" t="s">
        <v>7067</v>
      </c>
      <c r="I216" s="11">
        <v>45474</v>
      </c>
    </row>
    <row r="217" spans="1:9" x14ac:dyDescent="0.2">
      <c r="A217" s="10">
        <v>3147</v>
      </c>
      <c r="B217" s="10" t="s">
        <v>6633</v>
      </c>
      <c r="C217" s="10" t="s">
        <v>6634</v>
      </c>
      <c r="D217" s="10" t="s">
        <v>6635</v>
      </c>
      <c r="E217" s="10" t="s">
        <v>6636</v>
      </c>
      <c r="F217" s="10" t="s">
        <v>6637</v>
      </c>
      <c r="G217" s="10" t="s">
        <v>6638</v>
      </c>
      <c r="H217" s="10" t="s">
        <v>6634</v>
      </c>
      <c r="I217" s="11">
        <v>45362</v>
      </c>
    </row>
    <row r="218" spans="1:9" x14ac:dyDescent="0.2">
      <c r="A218" s="10">
        <v>1874</v>
      </c>
      <c r="B218" s="10" t="s">
        <v>1424</v>
      </c>
      <c r="C218" s="10" t="s">
        <v>1425</v>
      </c>
      <c r="D218" s="10" t="s">
        <v>1426</v>
      </c>
      <c r="E218" s="10" t="s">
        <v>1427</v>
      </c>
      <c r="F218" s="10" t="s">
        <v>1428</v>
      </c>
      <c r="G218" s="10" t="s">
        <v>1429</v>
      </c>
      <c r="H218" s="10" t="s">
        <v>1425</v>
      </c>
      <c r="I218" s="11">
        <v>45004</v>
      </c>
    </row>
    <row r="219" spans="1:9" x14ac:dyDescent="0.2">
      <c r="A219" s="10">
        <v>2684</v>
      </c>
      <c r="B219" s="10" t="s">
        <v>4069</v>
      </c>
      <c r="C219" s="10" t="s">
        <v>4070</v>
      </c>
      <c r="D219" s="10" t="s">
        <v>554</v>
      </c>
      <c r="E219" s="10" t="s">
        <v>4071</v>
      </c>
      <c r="F219" s="10" t="s">
        <v>4072</v>
      </c>
      <c r="G219" s="10" t="s">
        <v>4073</v>
      </c>
      <c r="H219" s="10" t="s">
        <v>4074</v>
      </c>
      <c r="I219" s="11">
        <v>44669</v>
      </c>
    </row>
    <row r="220" spans="1:9" x14ac:dyDescent="0.2">
      <c r="A220" s="10">
        <v>2288</v>
      </c>
      <c r="B220" s="10" t="s">
        <v>2239</v>
      </c>
      <c r="C220" s="10" t="s">
        <v>35</v>
      </c>
      <c r="D220" s="10" t="s">
        <v>2111</v>
      </c>
      <c r="E220" s="10" t="s">
        <v>2112</v>
      </c>
      <c r="F220" s="10" t="s">
        <v>2113</v>
      </c>
      <c r="G220" s="10" t="s">
        <v>2240</v>
      </c>
      <c r="H220" s="10" t="s">
        <v>2241</v>
      </c>
      <c r="I220" s="11">
        <v>45868</v>
      </c>
    </row>
    <row r="221" spans="1:9" x14ac:dyDescent="0.2">
      <c r="A221" s="13">
        <v>3417</v>
      </c>
      <c r="B221" s="10" t="s">
        <v>8139</v>
      </c>
      <c r="C221" s="10" t="s">
        <v>35</v>
      </c>
      <c r="D221" s="10" t="s">
        <v>8140</v>
      </c>
      <c r="E221" s="10" t="s">
        <v>8141</v>
      </c>
      <c r="F221" s="10" t="s">
        <v>8142</v>
      </c>
      <c r="G221" s="10" t="s">
        <v>8143</v>
      </c>
      <c r="H221" s="10" t="s">
        <v>8144</v>
      </c>
      <c r="I221" s="11">
        <v>45743</v>
      </c>
    </row>
    <row r="222" spans="1:9" x14ac:dyDescent="0.2">
      <c r="A222" s="10">
        <v>2529</v>
      </c>
      <c r="B222" s="10" t="s">
        <v>3238</v>
      </c>
      <c r="C222" s="10" t="s">
        <v>35</v>
      </c>
      <c r="D222" s="10" t="s">
        <v>3239</v>
      </c>
      <c r="E222" s="10" t="s">
        <v>3240</v>
      </c>
      <c r="F222" s="10" t="s">
        <v>3241</v>
      </c>
      <c r="G222" s="10" t="s">
        <v>3242</v>
      </c>
      <c r="H222" s="10" t="s">
        <v>3243</v>
      </c>
      <c r="I222" s="11">
        <v>44368</v>
      </c>
    </row>
    <row r="223" spans="1:9" x14ac:dyDescent="0.2">
      <c r="A223" s="10">
        <v>38</v>
      </c>
      <c r="B223" s="10" t="s">
        <v>54</v>
      </c>
      <c r="C223" s="10" t="s">
        <v>35</v>
      </c>
      <c r="D223" s="10" t="s">
        <v>55</v>
      </c>
      <c r="E223" s="10" t="s">
        <v>56</v>
      </c>
      <c r="F223" s="10" t="s">
        <v>57</v>
      </c>
      <c r="G223" s="10" t="s">
        <v>58</v>
      </c>
      <c r="H223" s="10" t="s">
        <v>59</v>
      </c>
      <c r="I223" s="11">
        <v>44488</v>
      </c>
    </row>
    <row r="224" spans="1:9" x14ac:dyDescent="0.2">
      <c r="A224" s="10">
        <v>3178</v>
      </c>
      <c r="B224" s="10" t="s">
        <v>6784</v>
      </c>
      <c r="C224" s="10" t="s">
        <v>35</v>
      </c>
      <c r="D224" s="10" t="s">
        <v>6785</v>
      </c>
      <c r="E224" s="10" t="s">
        <v>6786</v>
      </c>
      <c r="F224" s="10" t="s">
        <v>6787</v>
      </c>
      <c r="G224" s="10" t="s">
        <v>6788</v>
      </c>
      <c r="H224" s="10" t="s">
        <v>6789</v>
      </c>
      <c r="I224" s="11">
        <v>45397</v>
      </c>
    </row>
    <row r="225" spans="1:9" x14ac:dyDescent="0.2">
      <c r="A225" s="10">
        <v>3179</v>
      </c>
      <c r="B225" s="10" t="s">
        <v>6790</v>
      </c>
      <c r="C225" s="10" t="s">
        <v>6791</v>
      </c>
      <c r="D225" s="10" t="s">
        <v>30</v>
      </c>
      <c r="E225" s="10" t="s">
        <v>6792</v>
      </c>
      <c r="F225" s="10" t="s">
        <v>6793</v>
      </c>
      <c r="G225" s="10" t="s">
        <v>6794</v>
      </c>
      <c r="H225" s="10" t="s">
        <v>6791</v>
      </c>
      <c r="I225" s="11">
        <v>45400</v>
      </c>
    </row>
    <row r="226" spans="1:9" x14ac:dyDescent="0.2">
      <c r="A226" s="10">
        <v>2755</v>
      </c>
      <c r="B226" s="10" t="s">
        <v>4451</v>
      </c>
      <c r="C226" s="10" t="s">
        <v>35</v>
      </c>
      <c r="D226" s="10" t="s">
        <v>4452</v>
      </c>
      <c r="E226" s="10" t="s">
        <v>4453</v>
      </c>
      <c r="F226" s="10" t="s">
        <v>4454</v>
      </c>
      <c r="G226" s="10" t="s">
        <v>4455</v>
      </c>
      <c r="H226" s="10" t="s">
        <v>4456</v>
      </c>
      <c r="I226" s="11">
        <v>44770</v>
      </c>
    </row>
    <row r="227" spans="1:9" x14ac:dyDescent="0.2">
      <c r="A227" s="10">
        <v>1647</v>
      </c>
      <c r="B227" s="10" t="s">
        <v>989</v>
      </c>
      <c r="C227" s="10" t="s">
        <v>990</v>
      </c>
      <c r="D227" s="10" t="s">
        <v>819</v>
      </c>
      <c r="E227" s="10" t="s">
        <v>991</v>
      </c>
      <c r="F227" s="10" t="s">
        <v>992</v>
      </c>
      <c r="G227" s="10" t="s">
        <v>993</v>
      </c>
      <c r="H227" s="10" t="s">
        <v>994</v>
      </c>
      <c r="I227" s="11">
        <v>44481</v>
      </c>
    </row>
    <row r="228" spans="1:9" x14ac:dyDescent="0.2">
      <c r="A228" s="10">
        <v>3410</v>
      </c>
      <c r="B228" s="10" t="s">
        <v>8097</v>
      </c>
      <c r="C228" s="10" t="s">
        <v>8098</v>
      </c>
      <c r="D228" s="10" t="s">
        <v>8099</v>
      </c>
      <c r="E228" s="10" t="s">
        <v>8100</v>
      </c>
      <c r="F228" s="10" t="s">
        <v>8101</v>
      </c>
      <c r="G228" s="10" t="s">
        <v>8102</v>
      </c>
      <c r="H228" s="10" t="s">
        <v>8103</v>
      </c>
      <c r="I228" s="11">
        <v>45715</v>
      </c>
    </row>
    <row r="229" spans="1:9" x14ac:dyDescent="0.2">
      <c r="A229" s="14">
        <v>3573</v>
      </c>
      <c r="B229" s="15" t="s">
        <v>9016</v>
      </c>
      <c r="C229" s="10" t="s">
        <v>9017</v>
      </c>
      <c r="D229" s="15" t="s">
        <v>9018</v>
      </c>
      <c r="E229" s="10" t="s">
        <v>9019</v>
      </c>
      <c r="F229" s="10" t="s">
        <v>9020</v>
      </c>
      <c r="G229" s="10" t="s">
        <v>9021</v>
      </c>
      <c r="H229" s="10" t="s">
        <v>9017</v>
      </c>
      <c r="I229" s="11">
        <v>45932</v>
      </c>
    </row>
    <row r="230" spans="1:9" x14ac:dyDescent="0.2">
      <c r="A230" s="10">
        <v>3116</v>
      </c>
      <c r="B230" s="10" t="s">
        <v>6474</v>
      </c>
      <c r="C230" s="10" t="s">
        <v>6475</v>
      </c>
      <c r="D230" s="10" t="s">
        <v>5205</v>
      </c>
      <c r="E230" s="10" t="s">
        <v>6476</v>
      </c>
      <c r="F230" s="10" t="s">
        <v>6477</v>
      </c>
      <c r="G230" s="10" t="s">
        <v>6478</v>
      </c>
      <c r="H230" s="10" t="s">
        <v>6479</v>
      </c>
      <c r="I230" s="11">
        <v>45309</v>
      </c>
    </row>
    <row r="231" spans="1:9" x14ac:dyDescent="0.2">
      <c r="A231" s="10">
        <v>2456</v>
      </c>
      <c r="B231" s="10" t="s">
        <v>2866</v>
      </c>
      <c r="C231" s="10" t="s">
        <v>2867</v>
      </c>
      <c r="D231" s="10" t="s">
        <v>2868</v>
      </c>
      <c r="E231" s="10" t="s">
        <v>2869</v>
      </c>
      <c r="F231" s="10" t="s">
        <v>2870</v>
      </c>
      <c r="G231" s="10" t="s">
        <v>2871</v>
      </c>
      <c r="H231" s="10" t="s">
        <v>2867</v>
      </c>
      <c r="I231" s="11">
        <v>44298</v>
      </c>
    </row>
    <row r="232" spans="1:9" x14ac:dyDescent="0.2">
      <c r="A232" s="10">
        <v>1536</v>
      </c>
      <c r="B232" s="10" t="s">
        <v>798</v>
      </c>
      <c r="C232" s="10" t="s">
        <v>799</v>
      </c>
      <c r="D232" s="10" t="s">
        <v>800</v>
      </c>
      <c r="E232" s="10" t="s">
        <v>801</v>
      </c>
      <c r="F232" s="10" t="s">
        <v>802</v>
      </c>
      <c r="G232" s="10" t="s">
        <v>803</v>
      </c>
      <c r="H232" s="10" t="s">
        <v>804</v>
      </c>
      <c r="I232" s="11">
        <v>44244</v>
      </c>
    </row>
    <row r="233" spans="1:9" x14ac:dyDescent="0.2">
      <c r="A233" s="10">
        <v>2370</v>
      </c>
      <c r="B233" s="10" t="s">
        <v>2430</v>
      </c>
      <c r="C233" s="10" t="s">
        <v>2431</v>
      </c>
      <c r="D233" s="10" t="s">
        <v>860</v>
      </c>
      <c r="E233" s="10" t="s">
        <v>2432</v>
      </c>
      <c r="F233" s="10" t="s">
        <v>2433</v>
      </c>
      <c r="G233" s="10" t="s">
        <v>2434</v>
      </c>
      <c r="H233" s="10" t="s">
        <v>2431</v>
      </c>
      <c r="I233" s="11">
        <v>44203</v>
      </c>
    </row>
    <row r="234" spans="1:9" x14ac:dyDescent="0.2">
      <c r="A234" s="10">
        <v>1528</v>
      </c>
      <c r="B234" s="10" t="s">
        <v>785</v>
      </c>
      <c r="C234" s="10" t="s">
        <v>35</v>
      </c>
      <c r="D234" s="10" t="s">
        <v>786</v>
      </c>
      <c r="E234" s="10" t="s">
        <v>787</v>
      </c>
      <c r="F234" s="10" t="s">
        <v>788</v>
      </c>
      <c r="G234" s="10" t="s">
        <v>789</v>
      </c>
      <c r="H234" s="10" t="s">
        <v>790</v>
      </c>
      <c r="I234" s="11">
        <v>46047</v>
      </c>
    </row>
    <row r="235" spans="1:9" x14ac:dyDescent="0.2">
      <c r="A235" s="10">
        <v>2738</v>
      </c>
      <c r="B235" s="10" t="s">
        <v>4351</v>
      </c>
      <c r="C235" s="10" t="s">
        <v>4352</v>
      </c>
      <c r="D235" s="10" t="s">
        <v>4353</v>
      </c>
      <c r="E235" s="10" t="s">
        <v>4354</v>
      </c>
      <c r="F235" s="10" t="s">
        <v>4355</v>
      </c>
      <c r="G235" s="10" t="s">
        <v>4356</v>
      </c>
      <c r="H235" s="10" t="s">
        <v>4352</v>
      </c>
      <c r="I235" s="11">
        <v>44739</v>
      </c>
    </row>
    <row r="236" spans="1:9" x14ac:dyDescent="0.2">
      <c r="A236" s="10">
        <v>3026</v>
      </c>
      <c r="B236" s="10" t="s">
        <v>5968</v>
      </c>
      <c r="C236" s="10" t="s">
        <v>5969</v>
      </c>
      <c r="D236" s="10" t="s">
        <v>144</v>
      </c>
      <c r="E236" s="10" t="s">
        <v>5970</v>
      </c>
      <c r="F236" s="10" t="s">
        <v>5971</v>
      </c>
      <c r="G236" s="10" t="s">
        <v>5972</v>
      </c>
      <c r="H236" s="10" t="s">
        <v>5969</v>
      </c>
      <c r="I236" s="11">
        <v>45243</v>
      </c>
    </row>
    <row r="237" spans="1:9" x14ac:dyDescent="0.2">
      <c r="A237" s="14">
        <v>3595</v>
      </c>
      <c r="B237" s="15" t="s">
        <v>9133</v>
      </c>
      <c r="C237" s="10" t="s">
        <v>9134</v>
      </c>
      <c r="D237" s="15" t="s">
        <v>201</v>
      </c>
      <c r="E237" s="10" t="s">
        <v>202</v>
      </c>
      <c r="F237" s="10" t="s">
        <v>9135</v>
      </c>
      <c r="G237" s="10" t="s">
        <v>9136</v>
      </c>
      <c r="H237" s="10" t="s">
        <v>9134</v>
      </c>
      <c r="I237" s="11">
        <v>45971</v>
      </c>
    </row>
    <row r="238" spans="1:9" x14ac:dyDescent="0.2">
      <c r="A238" s="10">
        <v>236</v>
      </c>
      <c r="B238" s="10" t="s">
        <v>117</v>
      </c>
      <c r="C238" s="10" t="s">
        <v>35</v>
      </c>
      <c r="D238" s="10" t="s">
        <v>118</v>
      </c>
      <c r="E238" s="10" t="s">
        <v>119</v>
      </c>
      <c r="F238" s="10" t="s">
        <v>120</v>
      </c>
      <c r="G238" s="10" t="s">
        <v>121</v>
      </c>
      <c r="H238" s="10" t="s">
        <v>122</v>
      </c>
      <c r="I238" s="11">
        <v>44764</v>
      </c>
    </row>
    <row r="239" spans="1:9" x14ac:dyDescent="0.2">
      <c r="A239" s="10">
        <v>1895</v>
      </c>
      <c r="B239" s="10" t="s">
        <v>1497</v>
      </c>
      <c r="C239" s="10" t="s">
        <v>1498</v>
      </c>
      <c r="D239" s="10" t="s">
        <v>1499</v>
      </c>
      <c r="E239" s="10" t="s">
        <v>1500</v>
      </c>
      <c r="F239" s="10" t="s">
        <v>1501</v>
      </c>
      <c r="G239" s="10" t="s">
        <v>1502</v>
      </c>
      <c r="H239" s="10" t="s">
        <v>1503</v>
      </c>
      <c r="I239" s="11">
        <v>45047</v>
      </c>
    </row>
    <row r="240" spans="1:9" x14ac:dyDescent="0.2">
      <c r="A240" s="10">
        <v>2858</v>
      </c>
      <c r="B240" s="10" t="s">
        <v>5019</v>
      </c>
      <c r="C240" s="10" t="s">
        <v>5020</v>
      </c>
      <c r="D240" s="10" t="s">
        <v>3654</v>
      </c>
      <c r="E240" s="10" t="s">
        <v>5021</v>
      </c>
      <c r="F240" s="10" t="s">
        <v>5022</v>
      </c>
      <c r="G240" s="10" t="s">
        <v>5023</v>
      </c>
      <c r="H240" s="10" t="s">
        <v>5020</v>
      </c>
      <c r="I240" s="11">
        <v>44963</v>
      </c>
    </row>
    <row r="241" spans="1:9" x14ac:dyDescent="0.2">
      <c r="A241" s="10">
        <v>1637</v>
      </c>
      <c r="B241" s="10" t="s">
        <v>969</v>
      </c>
      <c r="C241" s="10" t="s">
        <v>970</v>
      </c>
      <c r="D241" s="10" t="s">
        <v>971</v>
      </c>
      <c r="E241" s="10" t="s">
        <v>972</v>
      </c>
      <c r="F241" s="10" t="s">
        <v>973</v>
      </c>
      <c r="G241" s="10" t="s">
        <v>974</v>
      </c>
      <c r="H241" s="10" t="s">
        <v>975</v>
      </c>
      <c r="I241" s="11">
        <v>44446</v>
      </c>
    </row>
    <row r="242" spans="1:9" x14ac:dyDescent="0.2">
      <c r="A242" s="10">
        <v>2493</v>
      </c>
      <c r="B242" s="10" t="s">
        <v>3068</v>
      </c>
      <c r="C242" s="10" t="s">
        <v>35</v>
      </c>
      <c r="D242" s="10" t="s">
        <v>3069</v>
      </c>
      <c r="E242" s="10" t="s">
        <v>3070</v>
      </c>
      <c r="F242" s="10" t="s">
        <v>3071</v>
      </c>
      <c r="G242" s="10" t="s">
        <v>3072</v>
      </c>
      <c r="H242" s="10" t="s">
        <v>3073</v>
      </c>
      <c r="I242" s="11">
        <v>44336</v>
      </c>
    </row>
    <row r="243" spans="1:9" x14ac:dyDescent="0.2">
      <c r="A243" s="14">
        <v>3575</v>
      </c>
      <c r="B243" s="15" t="s">
        <v>9028</v>
      </c>
      <c r="C243" s="10" t="s">
        <v>9029</v>
      </c>
      <c r="D243" s="15" t="s">
        <v>9030</v>
      </c>
      <c r="E243" s="10" t="s">
        <v>9031</v>
      </c>
      <c r="F243" s="10" t="s">
        <v>9032</v>
      </c>
      <c r="G243" s="10" t="s">
        <v>9033</v>
      </c>
      <c r="H243" s="10" t="s">
        <v>9029</v>
      </c>
      <c r="I243" s="11">
        <v>45957</v>
      </c>
    </row>
    <row r="244" spans="1:9" x14ac:dyDescent="0.2">
      <c r="A244" s="10">
        <v>3240</v>
      </c>
      <c r="B244" s="10" t="s">
        <v>7121</v>
      </c>
      <c r="C244" s="10" t="s">
        <v>7122</v>
      </c>
      <c r="D244" s="10" t="s">
        <v>7123</v>
      </c>
      <c r="E244" s="10" t="s">
        <v>7124</v>
      </c>
      <c r="F244" s="10" t="s">
        <v>7125</v>
      </c>
      <c r="G244" s="10" t="s">
        <v>7126</v>
      </c>
      <c r="H244" s="10" t="s">
        <v>7122</v>
      </c>
      <c r="I244" s="11">
        <v>45474</v>
      </c>
    </row>
    <row r="245" spans="1:9" x14ac:dyDescent="0.2">
      <c r="A245" s="10">
        <v>2768</v>
      </c>
      <c r="B245" s="10" t="s">
        <v>4521</v>
      </c>
      <c r="C245" s="10" t="s">
        <v>4522</v>
      </c>
      <c r="D245" s="10" t="s">
        <v>4523</v>
      </c>
      <c r="E245" s="10" t="s">
        <v>4524</v>
      </c>
      <c r="F245" s="10" t="s">
        <v>4525</v>
      </c>
      <c r="G245" s="10" t="s">
        <v>4526</v>
      </c>
      <c r="H245" s="10" t="s">
        <v>4527</v>
      </c>
      <c r="I245" s="11">
        <v>44781</v>
      </c>
    </row>
    <row r="246" spans="1:9" x14ac:dyDescent="0.2">
      <c r="A246" s="10">
        <v>2967</v>
      </c>
      <c r="B246" s="10" t="s">
        <v>5617</v>
      </c>
      <c r="C246" s="10" t="s">
        <v>5618</v>
      </c>
      <c r="D246" s="10" t="s">
        <v>5619</v>
      </c>
      <c r="E246" s="10" t="s">
        <v>5620</v>
      </c>
      <c r="F246" s="10" t="s">
        <v>5621</v>
      </c>
      <c r="G246" s="10" t="s">
        <v>5622</v>
      </c>
      <c r="H246" s="10" t="s">
        <v>5618</v>
      </c>
      <c r="I246" s="11">
        <v>45131</v>
      </c>
    </row>
    <row r="247" spans="1:9" x14ac:dyDescent="0.2">
      <c r="A247" s="10">
        <v>2490</v>
      </c>
      <c r="B247" s="10" t="s">
        <v>3050</v>
      </c>
      <c r="C247" s="10" t="s">
        <v>3051</v>
      </c>
      <c r="D247" s="10" t="s">
        <v>3052</v>
      </c>
      <c r="E247" s="10" t="s">
        <v>3053</v>
      </c>
      <c r="F247" s="10" t="s">
        <v>3054</v>
      </c>
      <c r="G247" s="10" t="s">
        <v>3055</v>
      </c>
      <c r="H247" s="10" t="s">
        <v>3056</v>
      </c>
      <c r="I247" s="11">
        <v>44336</v>
      </c>
    </row>
    <row r="248" spans="1:9" x14ac:dyDescent="0.2">
      <c r="A248" s="10">
        <v>2503</v>
      </c>
      <c r="B248" s="10" t="s">
        <v>3124</v>
      </c>
      <c r="C248" s="10" t="s">
        <v>3125</v>
      </c>
      <c r="D248" s="10" t="s">
        <v>1722</v>
      </c>
      <c r="E248" s="10" t="s">
        <v>3126</v>
      </c>
      <c r="F248" s="10" t="s">
        <v>3127</v>
      </c>
      <c r="G248" s="10" t="s">
        <v>3128</v>
      </c>
      <c r="H248" s="10" t="s">
        <v>3129</v>
      </c>
      <c r="I248" s="11">
        <v>44347</v>
      </c>
    </row>
    <row r="249" spans="1:9" x14ac:dyDescent="0.2">
      <c r="A249" s="10">
        <v>3356</v>
      </c>
      <c r="B249" s="10" t="s">
        <v>7790</v>
      </c>
      <c r="C249" s="10" t="s">
        <v>7791</v>
      </c>
      <c r="D249" s="10" t="s">
        <v>5810</v>
      </c>
      <c r="E249" s="10" t="s">
        <v>7792</v>
      </c>
      <c r="F249" s="10" t="s">
        <v>7793</v>
      </c>
      <c r="G249" s="10" t="s">
        <v>7794</v>
      </c>
      <c r="H249" s="10" t="s">
        <v>7791</v>
      </c>
      <c r="I249" s="12">
        <v>45638</v>
      </c>
    </row>
    <row r="250" spans="1:9" x14ac:dyDescent="0.2">
      <c r="A250" s="10">
        <v>2909</v>
      </c>
      <c r="B250" s="10" t="s">
        <v>5318</v>
      </c>
      <c r="C250" s="10" t="s">
        <v>5319</v>
      </c>
      <c r="D250" s="10" t="s">
        <v>5320</v>
      </c>
      <c r="E250" s="10" t="s">
        <v>5321</v>
      </c>
      <c r="F250" s="10" t="s">
        <v>5322</v>
      </c>
      <c r="G250" s="10" t="s">
        <v>5323</v>
      </c>
      <c r="H250" s="10" t="s">
        <v>5319</v>
      </c>
      <c r="I250" s="11">
        <v>45054</v>
      </c>
    </row>
    <row r="251" spans="1:9" x14ac:dyDescent="0.2">
      <c r="A251" s="10">
        <v>2985</v>
      </c>
      <c r="B251" s="10" t="s">
        <v>5729</v>
      </c>
      <c r="C251" s="10" t="s">
        <v>5730</v>
      </c>
      <c r="D251" s="10" t="s">
        <v>5731</v>
      </c>
      <c r="E251" s="10" t="s">
        <v>5732</v>
      </c>
      <c r="F251" s="10" t="s">
        <v>5733</v>
      </c>
      <c r="G251" s="10" t="s">
        <v>5734</v>
      </c>
      <c r="H251" s="10" t="s">
        <v>5735</v>
      </c>
      <c r="I251" s="11">
        <v>45141</v>
      </c>
    </row>
    <row r="252" spans="1:9" x14ac:dyDescent="0.2">
      <c r="A252" s="10">
        <v>3313</v>
      </c>
      <c r="B252" s="10" t="s">
        <v>7532</v>
      </c>
      <c r="C252" s="10" t="s">
        <v>7533</v>
      </c>
      <c r="D252" s="10" t="s">
        <v>7534</v>
      </c>
      <c r="E252" s="10" t="s">
        <v>7535</v>
      </c>
      <c r="F252" s="10" t="s">
        <v>7536</v>
      </c>
      <c r="G252" s="10" t="s">
        <v>7537</v>
      </c>
      <c r="H252" s="10" t="s">
        <v>7533</v>
      </c>
      <c r="I252" s="11">
        <v>45586</v>
      </c>
    </row>
    <row r="253" spans="1:9" x14ac:dyDescent="0.2">
      <c r="A253" s="10">
        <v>2633</v>
      </c>
      <c r="B253" s="10" t="s">
        <v>3799</v>
      </c>
      <c r="C253" s="10" t="s">
        <v>3800</v>
      </c>
      <c r="D253" s="10" t="s">
        <v>3801</v>
      </c>
      <c r="E253" s="10" t="s">
        <v>3802</v>
      </c>
      <c r="F253" s="10" t="s">
        <v>3803</v>
      </c>
      <c r="G253" s="10" t="s">
        <v>3804</v>
      </c>
      <c r="H253" s="10" t="s">
        <v>3800</v>
      </c>
      <c r="I253" s="11">
        <v>44585</v>
      </c>
    </row>
    <row r="254" spans="1:9" x14ac:dyDescent="0.2">
      <c r="A254" s="10">
        <v>2300</v>
      </c>
      <c r="B254" s="10" t="s">
        <v>2254</v>
      </c>
      <c r="C254" s="10" t="s">
        <v>2255</v>
      </c>
      <c r="D254" s="10" t="s">
        <v>1643</v>
      </c>
      <c r="E254" s="10" t="s">
        <v>2256</v>
      </c>
      <c r="F254" s="10" t="s">
        <v>2257</v>
      </c>
      <c r="G254" s="10" t="s">
        <v>2258</v>
      </c>
      <c r="H254" s="10" t="s">
        <v>2259</v>
      </c>
      <c r="I254" s="11">
        <v>45889</v>
      </c>
    </row>
    <row r="255" spans="1:9" x14ac:dyDescent="0.2">
      <c r="A255" s="10">
        <v>2679</v>
      </c>
      <c r="B255" s="10" t="s">
        <v>4038</v>
      </c>
      <c r="C255" s="10" t="s">
        <v>4039</v>
      </c>
      <c r="D255" s="10" t="s">
        <v>1866</v>
      </c>
      <c r="E255" s="10" t="s">
        <v>4040</v>
      </c>
      <c r="F255" s="10" t="s">
        <v>4041</v>
      </c>
      <c r="G255" s="10" t="s">
        <v>4042</v>
      </c>
      <c r="H255" s="10" t="s">
        <v>4039</v>
      </c>
      <c r="I255" s="11">
        <v>44662</v>
      </c>
    </row>
    <row r="256" spans="1:9" x14ac:dyDescent="0.2">
      <c r="A256" s="10">
        <v>2624</v>
      </c>
      <c r="B256" s="10" t="s">
        <v>3750</v>
      </c>
      <c r="C256" s="10" t="s">
        <v>3751</v>
      </c>
      <c r="D256" s="10" t="s">
        <v>3752</v>
      </c>
      <c r="E256" s="10" t="s">
        <v>3753</v>
      </c>
      <c r="F256" s="10" t="s">
        <v>3754</v>
      </c>
      <c r="G256" s="10" t="s">
        <v>3755</v>
      </c>
      <c r="H256" s="10" t="s">
        <v>3751</v>
      </c>
      <c r="I256" s="11">
        <v>44581</v>
      </c>
    </row>
    <row r="257" spans="1:9" x14ac:dyDescent="0.2">
      <c r="A257" s="10">
        <v>1608</v>
      </c>
      <c r="B257" s="10" t="s">
        <v>912</v>
      </c>
      <c r="C257" s="10" t="s">
        <v>913</v>
      </c>
      <c r="D257" s="10" t="s">
        <v>914</v>
      </c>
      <c r="E257" s="10" t="s">
        <v>915</v>
      </c>
      <c r="F257" s="10" t="s">
        <v>916</v>
      </c>
      <c r="G257" s="10" t="s">
        <v>917</v>
      </c>
      <c r="H257" s="10" t="s">
        <v>918</v>
      </c>
      <c r="I257" s="11">
        <v>44388</v>
      </c>
    </row>
    <row r="258" spans="1:9" x14ac:dyDescent="0.2">
      <c r="A258" s="10">
        <v>2941</v>
      </c>
      <c r="B258" s="10" t="s">
        <v>5491</v>
      </c>
      <c r="C258" s="10" t="s">
        <v>35</v>
      </c>
      <c r="D258" s="10" t="s">
        <v>5395</v>
      </c>
      <c r="E258" s="10" t="s">
        <v>5492</v>
      </c>
      <c r="F258" s="10" t="s">
        <v>5493</v>
      </c>
      <c r="G258" s="10" t="s">
        <v>5494</v>
      </c>
      <c r="H258" s="10" t="s">
        <v>5495</v>
      </c>
      <c r="I258" s="11">
        <v>45078</v>
      </c>
    </row>
    <row r="259" spans="1:9" x14ac:dyDescent="0.2">
      <c r="A259" s="10">
        <v>2330</v>
      </c>
      <c r="B259" s="10" t="s">
        <v>2319</v>
      </c>
      <c r="C259" s="10" t="s">
        <v>2320</v>
      </c>
      <c r="D259" s="10" t="s">
        <v>2321</v>
      </c>
      <c r="E259" s="10" t="s">
        <v>2322</v>
      </c>
      <c r="F259" s="10" t="s">
        <v>2323</v>
      </c>
      <c r="G259" s="10" t="s">
        <v>2324</v>
      </c>
      <c r="H259" s="10" t="s">
        <v>2325</v>
      </c>
      <c r="I259" s="11">
        <v>45938</v>
      </c>
    </row>
    <row r="260" spans="1:9" x14ac:dyDescent="0.2">
      <c r="A260" s="10">
        <v>3197</v>
      </c>
      <c r="B260" s="10" t="s">
        <v>6888</v>
      </c>
      <c r="C260" s="10" t="s">
        <v>6889</v>
      </c>
      <c r="D260" s="10" t="s">
        <v>2179</v>
      </c>
      <c r="E260" s="10" t="s">
        <v>6890</v>
      </c>
      <c r="F260" s="10" t="s">
        <v>6891</v>
      </c>
      <c r="G260" s="10" t="s">
        <v>6892</v>
      </c>
      <c r="H260" s="10" t="s">
        <v>6893</v>
      </c>
      <c r="I260" s="11">
        <v>45428</v>
      </c>
    </row>
    <row r="261" spans="1:9" x14ac:dyDescent="0.2">
      <c r="A261" s="13">
        <v>3497</v>
      </c>
      <c r="B261" s="10" t="s">
        <v>8580</v>
      </c>
      <c r="C261" s="10" t="s">
        <v>8581</v>
      </c>
      <c r="D261" s="10" t="s">
        <v>8582</v>
      </c>
      <c r="E261" s="10" t="s">
        <v>8583</v>
      </c>
      <c r="F261" s="10" t="s">
        <v>8584</v>
      </c>
      <c r="G261" s="10" t="s">
        <v>8585</v>
      </c>
      <c r="H261" s="10" t="s">
        <v>8581</v>
      </c>
      <c r="I261" s="11">
        <v>45841</v>
      </c>
    </row>
    <row r="262" spans="1:9" x14ac:dyDescent="0.2">
      <c r="A262" s="10">
        <v>3185</v>
      </c>
      <c r="B262" s="10" t="s">
        <v>6826</v>
      </c>
      <c r="C262" s="10" t="s">
        <v>6827</v>
      </c>
      <c r="D262" s="10" t="s">
        <v>6828</v>
      </c>
      <c r="E262" s="10" t="s">
        <v>6829</v>
      </c>
      <c r="F262" s="10" t="s">
        <v>6830</v>
      </c>
      <c r="G262" s="10" t="s">
        <v>6831</v>
      </c>
      <c r="H262" s="10" t="s">
        <v>6832</v>
      </c>
      <c r="I262" s="11">
        <v>45400</v>
      </c>
    </row>
    <row r="263" spans="1:9" x14ac:dyDescent="0.2">
      <c r="A263" s="10">
        <v>2695</v>
      </c>
      <c r="B263" s="10" t="s">
        <v>4127</v>
      </c>
      <c r="C263" s="10" t="s">
        <v>4128</v>
      </c>
      <c r="D263" s="10" t="s">
        <v>1574</v>
      </c>
      <c r="E263" s="10" t="s">
        <v>4129</v>
      </c>
      <c r="F263" s="10" t="s">
        <v>4130</v>
      </c>
      <c r="G263" s="10" t="s">
        <v>4131</v>
      </c>
      <c r="H263" s="10" t="s">
        <v>4128</v>
      </c>
      <c r="I263" s="11">
        <v>44728</v>
      </c>
    </row>
    <row r="264" spans="1:9" x14ac:dyDescent="0.2">
      <c r="A264" s="10">
        <v>2973</v>
      </c>
      <c r="B264" s="10" t="s">
        <v>5654</v>
      </c>
      <c r="C264" s="10" t="s">
        <v>5655</v>
      </c>
      <c r="D264" s="10" t="s">
        <v>878</v>
      </c>
      <c r="E264" s="10" t="s">
        <v>5656</v>
      </c>
      <c r="F264" s="10" t="s">
        <v>5657</v>
      </c>
      <c r="G264" s="10" t="s">
        <v>5658</v>
      </c>
      <c r="H264" s="10" t="s">
        <v>5659</v>
      </c>
      <c r="I264" s="11">
        <v>45125</v>
      </c>
    </row>
    <row r="265" spans="1:9" x14ac:dyDescent="0.2">
      <c r="A265" s="10">
        <v>2831</v>
      </c>
      <c r="B265" s="10" t="s">
        <v>4865</v>
      </c>
      <c r="C265" s="10" t="s">
        <v>4866</v>
      </c>
      <c r="D265" s="10" t="s">
        <v>1531</v>
      </c>
      <c r="E265" s="10" t="s">
        <v>4867</v>
      </c>
      <c r="F265" s="10" t="s">
        <v>4868</v>
      </c>
      <c r="G265" s="10" t="s">
        <v>4869</v>
      </c>
      <c r="H265" s="10" t="s">
        <v>4870</v>
      </c>
      <c r="I265" s="11">
        <v>44900</v>
      </c>
    </row>
    <row r="266" spans="1:9" x14ac:dyDescent="0.2">
      <c r="A266" s="10">
        <v>3034</v>
      </c>
      <c r="B266" s="10" t="s">
        <v>6013</v>
      </c>
      <c r="C266" s="10" t="s">
        <v>6014</v>
      </c>
      <c r="D266" s="10" t="s">
        <v>6015</v>
      </c>
      <c r="E266" s="10" t="s">
        <v>6016</v>
      </c>
      <c r="F266" s="10" t="s">
        <v>6017</v>
      </c>
      <c r="G266" s="10" t="s">
        <v>6018</v>
      </c>
      <c r="H266" s="10" t="s">
        <v>6014</v>
      </c>
      <c r="I266" s="11">
        <v>45204</v>
      </c>
    </row>
    <row r="267" spans="1:9" x14ac:dyDescent="0.2">
      <c r="A267" s="10">
        <v>593</v>
      </c>
      <c r="B267" s="10" t="s">
        <v>211</v>
      </c>
      <c r="C267" s="10" t="s">
        <v>35</v>
      </c>
      <c r="D267" s="10" t="s">
        <v>212</v>
      </c>
      <c r="E267" s="10" t="s">
        <v>213</v>
      </c>
      <c r="F267" s="10" t="s">
        <v>214</v>
      </c>
      <c r="G267" s="10" t="s">
        <v>215</v>
      </c>
      <c r="H267" s="10" t="s">
        <v>216</v>
      </c>
      <c r="I267" s="11">
        <v>44426</v>
      </c>
    </row>
    <row r="268" spans="1:9" x14ac:dyDescent="0.2">
      <c r="A268" s="10">
        <v>1212</v>
      </c>
      <c r="B268" s="10" t="s">
        <v>531</v>
      </c>
      <c r="C268" s="10" t="s">
        <v>532</v>
      </c>
      <c r="D268" s="10" t="s">
        <v>533</v>
      </c>
      <c r="E268" s="10" t="s">
        <v>534</v>
      </c>
      <c r="F268" s="10" t="s">
        <v>535</v>
      </c>
      <c r="G268" s="10" t="s">
        <v>536</v>
      </c>
      <c r="H268" s="10" t="s">
        <v>537</v>
      </c>
      <c r="I268" s="11">
        <v>45116</v>
      </c>
    </row>
    <row r="269" spans="1:9" x14ac:dyDescent="0.2">
      <c r="A269" s="13">
        <v>3515</v>
      </c>
      <c r="B269" s="10" t="s">
        <v>8682</v>
      </c>
      <c r="C269" s="10" t="s">
        <v>8683</v>
      </c>
      <c r="D269" s="10" t="s">
        <v>2390</v>
      </c>
      <c r="E269" s="10" t="s">
        <v>8684</v>
      </c>
      <c r="F269" s="10" t="s">
        <v>8685</v>
      </c>
      <c r="G269" s="10" t="s">
        <v>8686</v>
      </c>
      <c r="H269" s="10" t="s">
        <v>8683</v>
      </c>
      <c r="I269" s="11">
        <v>45869</v>
      </c>
    </row>
    <row r="270" spans="1:9" x14ac:dyDescent="0.2">
      <c r="A270" s="10">
        <v>2411</v>
      </c>
      <c r="B270" s="10" t="s">
        <v>2642</v>
      </c>
      <c r="C270" s="10" t="s">
        <v>2643</v>
      </c>
      <c r="D270" s="10" t="s">
        <v>2644</v>
      </c>
      <c r="E270" s="10" t="s">
        <v>2645</v>
      </c>
      <c r="F270" s="10" t="s">
        <v>2646</v>
      </c>
      <c r="G270" s="10" t="s">
        <v>2647</v>
      </c>
      <c r="H270" s="10" t="s">
        <v>2648</v>
      </c>
      <c r="I270" s="11">
        <v>44258</v>
      </c>
    </row>
    <row r="271" spans="1:9" x14ac:dyDescent="0.2">
      <c r="A271" s="14">
        <v>3608</v>
      </c>
      <c r="B271" s="15" t="s">
        <v>9206</v>
      </c>
      <c r="C271" s="10" t="s">
        <v>9207</v>
      </c>
      <c r="D271" s="15" t="s">
        <v>9208</v>
      </c>
      <c r="E271" s="10" t="s">
        <v>9209</v>
      </c>
      <c r="F271" s="10" t="s">
        <v>9210</v>
      </c>
      <c r="G271" s="10" t="s">
        <v>9211</v>
      </c>
      <c r="H271" s="10" t="s">
        <v>9212</v>
      </c>
      <c r="I271" s="11">
        <v>45992</v>
      </c>
    </row>
    <row r="272" spans="1:9" x14ac:dyDescent="0.2">
      <c r="A272" s="14">
        <v>3613</v>
      </c>
      <c r="B272" s="15" t="s">
        <v>9237</v>
      </c>
      <c r="C272" s="10" t="s">
        <v>9238</v>
      </c>
      <c r="D272" s="15" t="s">
        <v>9239</v>
      </c>
      <c r="E272" s="10" t="s">
        <v>9240</v>
      </c>
      <c r="F272" s="10" t="s">
        <v>9241</v>
      </c>
      <c r="G272" s="10" t="s">
        <v>9242</v>
      </c>
      <c r="H272" s="10" t="s">
        <v>9243</v>
      </c>
      <c r="I272" s="11">
        <v>45999</v>
      </c>
    </row>
    <row r="273" spans="1:9" x14ac:dyDescent="0.2">
      <c r="A273" s="10">
        <v>3041</v>
      </c>
      <c r="B273" s="10" t="s">
        <v>6052</v>
      </c>
      <c r="C273" s="10" t="s">
        <v>6053</v>
      </c>
      <c r="D273" s="10" t="s">
        <v>6054</v>
      </c>
      <c r="E273" s="10" t="s">
        <v>6055</v>
      </c>
      <c r="F273" s="10" t="s">
        <v>6056</v>
      </c>
      <c r="G273" s="10" t="s">
        <v>6057</v>
      </c>
      <c r="H273" s="10" t="s">
        <v>6053</v>
      </c>
      <c r="I273" s="11">
        <v>45236</v>
      </c>
    </row>
    <row r="274" spans="1:9" x14ac:dyDescent="0.2">
      <c r="A274" s="10">
        <v>2131</v>
      </c>
      <c r="B274" s="10" t="s">
        <v>1896</v>
      </c>
      <c r="C274" s="10" t="s">
        <v>1897</v>
      </c>
      <c r="D274" s="10" t="s">
        <v>1898</v>
      </c>
      <c r="E274" s="10" t="s">
        <v>1899</v>
      </c>
      <c r="F274" s="10" t="s">
        <v>1900</v>
      </c>
      <c r="G274" s="10" t="s">
        <v>1901</v>
      </c>
      <c r="H274" s="10" t="s">
        <v>1902</v>
      </c>
      <c r="I274" s="11">
        <v>45559</v>
      </c>
    </row>
    <row r="275" spans="1:9" x14ac:dyDescent="0.2">
      <c r="A275" s="10">
        <v>2320</v>
      </c>
      <c r="B275" s="10" t="s">
        <v>2302</v>
      </c>
      <c r="C275" s="10" t="s">
        <v>2303</v>
      </c>
      <c r="D275" s="10" t="s">
        <v>2304</v>
      </c>
      <c r="E275" s="10" t="s">
        <v>2305</v>
      </c>
      <c r="F275" s="10" t="s">
        <v>2306</v>
      </c>
      <c r="G275" s="10" t="s">
        <v>2307</v>
      </c>
      <c r="H275" s="10" t="s">
        <v>2303</v>
      </c>
      <c r="I275" s="11">
        <v>45928</v>
      </c>
    </row>
    <row r="276" spans="1:9" x14ac:dyDescent="0.2">
      <c r="A276" s="10">
        <v>3101</v>
      </c>
      <c r="B276" s="10" t="s">
        <v>6380</v>
      </c>
      <c r="C276" s="10" t="s">
        <v>6381</v>
      </c>
      <c r="D276" s="10" t="s">
        <v>2013</v>
      </c>
      <c r="E276" s="10" t="s">
        <v>6382</v>
      </c>
      <c r="F276" s="10" t="s">
        <v>6383</v>
      </c>
      <c r="G276" s="10" t="s">
        <v>6384</v>
      </c>
      <c r="H276" s="10" t="s">
        <v>1033</v>
      </c>
      <c r="I276" s="11">
        <v>45300</v>
      </c>
    </row>
    <row r="277" spans="1:9" x14ac:dyDescent="0.2">
      <c r="A277" s="10">
        <v>999</v>
      </c>
      <c r="B277" s="10" t="s">
        <v>365</v>
      </c>
      <c r="C277" s="10" t="s">
        <v>366</v>
      </c>
      <c r="D277" s="10" t="s">
        <v>367</v>
      </c>
      <c r="E277" s="10" t="s">
        <v>368</v>
      </c>
      <c r="F277" s="10" t="s">
        <v>369</v>
      </c>
      <c r="G277" s="10" t="s">
        <v>370</v>
      </c>
      <c r="H277" s="10" t="s">
        <v>366</v>
      </c>
      <c r="I277" s="11">
        <v>44312</v>
      </c>
    </row>
    <row r="278" spans="1:9" x14ac:dyDescent="0.2">
      <c r="A278" s="10">
        <v>2603</v>
      </c>
      <c r="B278" s="10" t="s">
        <v>2202</v>
      </c>
      <c r="C278" s="10" t="s">
        <v>3640</v>
      </c>
      <c r="D278" s="10" t="s">
        <v>3641</v>
      </c>
      <c r="E278" s="10" t="s">
        <v>3642</v>
      </c>
      <c r="F278" s="10" t="s">
        <v>3643</v>
      </c>
      <c r="G278" s="10" t="s">
        <v>3644</v>
      </c>
      <c r="H278" s="10" t="s">
        <v>3645</v>
      </c>
      <c r="I278" s="11">
        <v>44543</v>
      </c>
    </row>
    <row r="279" spans="1:9" x14ac:dyDescent="0.2">
      <c r="A279" s="10">
        <v>3114</v>
      </c>
      <c r="B279" s="10" t="s">
        <v>6461</v>
      </c>
      <c r="C279" s="10" t="s">
        <v>6462</v>
      </c>
      <c r="D279" s="10" t="s">
        <v>6463</v>
      </c>
      <c r="E279" s="10" t="s">
        <v>6464</v>
      </c>
      <c r="F279" s="10" t="s">
        <v>6465</v>
      </c>
      <c r="G279" s="10" t="s">
        <v>6466</v>
      </c>
      <c r="H279" s="10" t="s">
        <v>6467</v>
      </c>
      <c r="I279" s="11">
        <v>45316</v>
      </c>
    </row>
    <row r="280" spans="1:9" x14ac:dyDescent="0.2">
      <c r="A280" s="10">
        <v>1700</v>
      </c>
      <c r="B280" s="10" t="s">
        <v>1080</v>
      </c>
      <c r="C280" s="10" t="s">
        <v>35</v>
      </c>
      <c r="D280" s="10" t="s">
        <v>1081</v>
      </c>
      <c r="E280" s="10" t="s">
        <v>1082</v>
      </c>
      <c r="F280" s="10" t="s">
        <v>1083</v>
      </c>
      <c r="G280" s="10" t="s">
        <v>1084</v>
      </c>
      <c r="H280" s="10" t="s">
        <v>1085</v>
      </c>
      <c r="I280" s="11">
        <v>44615</v>
      </c>
    </row>
    <row r="281" spans="1:9" x14ac:dyDescent="0.2">
      <c r="A281" s="10">
        <v>2625</v>
      </c>
      <c r="B281" s="10" t="s">
        <v>3756</v>
      </c>
      <c r="C281" s="10" t="s">
        <v>3757</v>
      </c>
      <c r="D281" s="10" t="s">
        <v>3489</v>
      </c>
      <c r="E281" s="10" t="s">
        <v>3758</v>
      </c>
      <c r="F281" s="10" t="s">
        <v>3759</v>
      </c>
      <c r="G281" s="10" t="s">
        <v>3760</v>
      </c>
      <c r="H281" s="10" t="s">
        <v>3757</v>
      </c>
      <c r="I281" s="11">
        <v>44588</v>
      </c>
    </row>
    <row r="282" spans="1:9" x14ac:dyDescent="0.2">
      <c r="A282" s="10">
        <v>3251</v>
      </c>
      <c r="B282" s="10" t="s">
        <v>7188</v>
      </c>
      <c r="C282" s="10" t="s">
        <v>7189</v>
      </c>
      <c r="D282" s="10" t="s">
        <v>6339</v>
      </c>
      <c r="E282" s="10" t="s">
        <v>7190</v>
      </c>
      <c r="F282" s="10" t="s">
        <v>7191</v>
      </c>
      <c r="G282" s="10" t="s">
        <v>7192</v>
      </c>
      <c r="H282" s="10" t="s">
        <v>7189</v>
      </c>
      <c r="I282" s="11">
        <v>45484</v>
      </c>
    </row>
    <row r="283" spans="1:9" x14ac:dyDescent="0.2">
      <c r="A283" s="10">
        <v>3004</v>
      </c>
      <c r="B283" s="10" t="s">
        <v>5840</v>
      </c>
      <c r="C283" s="10" t="s">
        <v>5841</v>
      </c>
      <c r="D283" s="10" t="s">
        <v>5842</v>
      </c>
      <c r="E283" s="10" t="s">
        <v>5843</v>
      </c>
      <c r="F283" s="10" t="s">
        <v>5844</v>
      </c>
      <c r="G283" s="10" t="s">
        <v>5845</v>
      </c>
      <c r="H283" s="10" t="s">
        <v>5841</v>
      </c>
      <c r="I283" s="11">
        <v>45176</v>
      </c>
    </row>
    <row r="284" spans="1:9" x14ac:dyDescent="0.2">
      <c r="A284" s="10">
        <v>2418</v>
      </c>
      <c r="B284" s="10" t="s">
        <v>2680</v>
      </c>
      <c r="C284" s="10" t="s">
        <v>2681</v>
      </c>
      <c r="D284" s="10" t="s">
        <v>2682</v>
      </c>
      <c r="E284" s="10" t="s">
        <v>2683</v>
      </c>
      <c r="F284" s="10" t="s">
        <v>2684</v>
      </c>
      <c r="G284" s="10" t="s">
        <v>2685</v>
      </c>
      <c r="H284" s="10" t="s">
        <v>2681</v>
      </c>
      <c r="I284" s="11">
        <v>44263</v>
      </c>
    </row>
    <row r="285" spans="1:9" x14ac:dyDescent="0.2">
      <c r="A285" s="10">
        <v>2989</v>
      </c>
      <c r="B285" s="10" t="s">
        <v>5749</v>
      </c>
      <c r="C285" s="10" t="s">
        <v>5750</v>
      </c>
      <c r="D285" s="10" t="s">
        <v>5751</v>
      </c>
      <c r="E285" s="10" t="s">
        <v>5752</v>
      </c>
      <c r="F285" s="10" t="s">
        <v>5753</v>
      </c>
      <c r="G285" s="10" t="s">
        <v>5754</v>
      </c>
      <c r="H285" s="10" t="s">
        <v>5750</v>
      </c>
      <c r="I285" s="11">
        <v>45162</v>
      </c>
    </row>
    <row r="286" spans="1:9" x14ac:dyDescent="0.2">
      <c r="A286" s="10">
        <v>3073</v>
      </c>
      <c r="B286" s="10" t="s">
        <v>6210</v>
      </c>
      <c r="C286" s="10" t="s">
        <v>6211</v>
      </c>
      <c r="D286" s="10" t="s">
        <v>6212</v>
      </c>
      <c r="E286" s="10" t="s">
        <v>6213</v>
      </c>
      <c r="F286" s="10" t="s">
        <v>6214</v>
      </c>
      <c r="G286" s="10" t="s">
        <v>6215</v>
      </c>
      <c r="H286" s="10" t="s">
        <v>6216</v>
      </c>
      <c r="I286" s="11">
        <v>45274</v>
      </c>
    </row>
    <row r="287" spans="1:9" x14ac:dyDescent="0.2">
      <c r="A287" s="14">
        <v>3578</v>
      </c>
      <c r="B287" s="15" t="s">
        <v>9040</v>
      </c>
      <c r="C287" s="10" t="s">
        <v>9041</v>
      </c>
      <c r="D287" s="15" t="s">
        <v>9042</v>
      </c>
      <c r="E287" s="10" t="s">
        <v>9043</v>
      </c>
      <c r="F287" s="10" t="s">
        <v>9044</v>
      </c>
      <c r="G287" s="10" t="s">
        <v>9045</v>
      </c>
      <c r="H287" s="10" t="s">
        <v>9046</v>
      </c>
      <c r="I287" s="11">
        <v>45967</v>
      </c>
    </row>
    <row r="288" spans="1:9" x14ac:dyDescent="0.2">
      <c r="A288" s="10">
        <v>3085</v>
      </c>
      <c r="B288" s="10" t="s">
        <v>6287</v>
      </c>
      <c r="C288" s="10" t="s">
        <v>6288</v>
      </c>
      <c r="D288" s="10" t="s">
        <v>2250</v>
      </c>
      <c r="E288" s="10" t="s">
        <v>6289</v>
      </c>
      <c r="F288" s="10" t="s">
        <v>6290</v>
      </c>
      <c r="G288" s="10" t="s">
        <v>6291</v>
      </c>
      <c r="H288" s="10" t="s">
        <v>6288</v>
      </c>
      <c r="I288" s="11">
        <v>45271</v>
      </c>
    </row>
    <row r="289" spans="1:9" x14ac:dyDescent="0.2">
      <c r="A289" s="13">
        <v>3416</v>
      </c>
      <c r="B289" s="10" t="s">
        <v>8133</v>
      </c>
      <c r="C289" s="10" t="s">
        <v>8134</v>
      </c>
      <c r="D289" s="10" t="s">
        <v>8135</v>
      </c>
      <c r="E289" s="10" t="s">
        <v>8136</v>
      </c>
      <c r="F289" s="10" t="s">
        <v>8137</v>
      </c>
      <c r="G289" s="10" t="s">
        <v>8138</v>
      </c>
      <c r="H289" s="10" t="s">
        <v>8134</v>
      </c>
      <c r="I289" s="11">
        <v>45719</v>
      </c>
    </row>
    <row r="290" spans="1:9" x14ac:dyDescent="0.2">
      <c r="A290" s="10">
        <v>2847</v>
      </c>
      <c r="B290" s="10" t="s">
        <v>4958</v>
      </c>
      <c r="C290" s="10" t="s">
        <v>4959</v>
      </c>
      <c r="D290" s="10" t="s">
        <v>1226</v>
      </c>
      <c r="E290" s="10" t="s">
        <v>4960</v>
      </c>
      <c r="F290" s="10" t="s">
        <v>4961</v>
      </c>
      <c r="G290" s="10" t="s">
        <v>4962</v>
      </c>
      <c r="H290" s="10" t="s">
        <v>4959</v>
      </c>
      <c r="I290" s="11">
        <v>44921</v>
      </c>
    </row>
    <row r="291" spans="1:9" x14ac:dyDescent="0.2">
      <c r="A291" s="13">
        <v>3426</v>
      </c>
      <c r="B291" s="10" t="s">
        <v>8187</v>
      </c>
      <c r="C291" s="10" t="s">
        <v>8188</v>
      </c>
      <c r="D291" s="10" t="s">
        <v>8189</v>
      </c>
      <c r="E291" s="10" t="s">
        <v>8190</v>
      </c>
      <c r="F291" s="10" t="s">
        <v>8191</v>
      </c>
      <c r="G291" s="10" t="s">
        <v>8192</v>
      </c>
      <c r="H291" s="10" t="s">
        <v>8188</v>
      </c>
      <c r="I291" s="11">
        <v>45743</v>
      </c>
    </row>
    <row r="292" spans="1:9" x14ac:dyDescent="0.2">
      <c r="A292" s="10">
        <v>2809</v>
      </c>
      <c r="B292" s="10" t="s">
        <v>4760</v>
      </c>
      <c r="C292" s="10" t="s">
        <v>4761</v>
      </c>
      <c r="D292" s="10" t="s">
        <v>2414</v>
      </c>
      <c r="E292" s="10" t="s">
        <v>4762</v>
      </c>
      <c r="F292" s="10" t="s">
        <v>4763</v>
      </c>
      <c r="G292" s="10" t="s">
        <v>4764</v>
      </c>
      <c r="H292" s="10" t="s">
        <v>2418</v>
      </c>
      <c r="I292" s="11">
        <v>44879</v>
      </c>
    </row>
    <row r="293" spans="1:9" x14ac:dyDescent="0.2">
      <c r="A293" s="10">
        <v>3354</v>
      </c>
      <c r="B293" s="10" t="s">
        <v>7778</v>
      </c>
      <c r="C293" s="10" t="s">
        <v>7779</v>
      </c>
      <c r="D293" s="10" t="s">
        <v>7780</v>
      </c>
      <c r="E293" s="10" t="s">
        <v>7781</v>
      </c>
      <c r="F293" s="10" t="s">
        <v>7782</v>
      </c>
      <c r="G293" s="10" t="s">
        <v>7783</v>
      </c>
      <c r="H293" s="10" t="s">
        <v>7784</v>
      </c>
      <c r="I293" s="12">
        <v>45642</v>
      </c>
    </row>
    <row r="294" spans="1:9" x14ac:dyDescent="0.2">
      <c r="A294" s="10">
        <v>3214</v>
      </c>
      <c r="B294" s="10" t="s">
        <v>6974</v>
      </c>
      <c r="C294" s="10" t="s">
        <v>6975</v>
      </c>
      <c r="D294" s="10" t="s">
        <v>2281</v>
      </c>
      <c r="E294" s="10" t="s">
        <v>6976</v>
      </c>
      <c r="F294" s="10" t="s">
        <v>6977</v>
      </c>
      <c r="G294" s="10" t="s">
        <v>6978</v>
      </c>
      <c r="H294" s="10" t="s">
        <v>6979</v>
      </c>
      <c r="I294" s="11">
        <v>45442</v>
      </c>
    </row>
    <row r="295" spans="1:9" x14ac:dyDescent="0.2">
      <c r="A295" s="10">
        <v>2942</v>
      </c>
      <c r="B295" s="10" t="s">
        <v>5496</v>
      </c>
      <c r="C295" s="10" t="s">
        <v>5497</v>
      </c>
      <c r="D295" s="10" t="s">
        <v>4885</v>
      </c>
      <c r="E295" s="10" t="s">
        <v>5498</v>
      </c>
      <c r="F295" s="10" t="s">
        <v>5499</v>
      </c>
      <c r="G295" s="10" t="s">
        <v>5500</v>
      </c>
      <c r="H295" s="10" t="s">
        <v>5501</v>
      </c>
      <c r="I295" s="11">
        <v>45078</v>
      </c>
    </row>
    <row r="296" spans="1:9" x14ac:dyDescent="0.2">
      <c r="A296" s="13">
        <v>3478</v>
      </c>
      <c r="B296" s="10" t="s">
        <v>8478</v>
      </c>
      <c r="C296" s="10" t="s">
        <v>8479</v>
      </c>
      <c r="D296" s="10" t="s">
        <v>8480</v>
      </c>
      <c r="E296" s="10" t="s">
        <v>8481</v>
      </c>
      <c r="F296" s="10" t="s">
        <v>8482</v>
      </c>
      <c r="G296" s="10" t="s">
        <v>8483</v>
      </c>
      <c r="H296" s="10" t="s">
        <v>8479</v>
      </c>
      <c r="I296" s="11">
        <v>45799</v>
      </c>
    </row>
    <row r="297" spans="1:9" x14ac:dyDescent="0.2">
      <c r="A297" s="10">
        <v>3088</v>
      </c>
      <c r="B297" s="10" t="s">
        <v>6304</v>
      </c>
      <c r="C297" s="10" t="s">
        <v>35</v>
      </c>
      <c r="D297" s="10" t="s">
        <v>144</v>
      </c>
      <c r="E297" s="10" t="s">
        <v>6305</v>
      </c>
      <c r="F297" s="10" t="s">
        <v>6306</v>
      </c>
      <c r="G297" s="10" t="s">
        <v>6307</v>
      </c>
      <c r="H297" s="10" t="s">
        <v>6308</v>
      </c>
      <c r="I297" s="11">
        <v>45271</v>
      </c>
    </row>
    <row r="298" spans="1:9" x14ac:dyDescent="0.2">
      <c r="A298" s="14">
        <v>3607</v>
      </c>
      <c r="B298" s="15" t="s">
        <v>9199</v>
      </c>
      <c r="C298" s="10" t="s">
        <v>9200</v>
      </c>
      <c r="D298" s="15" t="s">
        <v>9201</v>
      </c>
      <c r="E298" s="10" t="s">
        <v>9202</v>
      </c>
      <c r="F298" s="10" t="s">
        <v>9203</v>
      </c>
      <c r="G298" s="10" t="s">
        <v>9204</v>
      </c>
      <c r="H298" s="10" t="s">
        <v>9205</v>
      </c>
      <c r="I298" s="11">
        <v>45995</v>
      </c>
    </row>
    <row r="299" spans="1:9" x14ac:dyDescent="0.2">
      <c r="A299" s="10">
        <v>3113</v>
      </c>
      <c r="B299" s="10" t="s">
        <v>6454</v>
      </c>
      <c r="C299" s="10" t="s">
        <v>6455</v>
      </c>
      <c r="D299" s="10" t="s">
        <v>6456</v>
      </c>
      <c r="E299" s="10" t="s">
        <v>6457</v>
      </c>
      <c r="F299" s="10" t="s">
        <v>6458</v>
      </c>
      <c r="G299" s="10" t="s">
        <v>6459</v>
      </c>
      <c r="H299" s="10" t="s">
        <v>6460</v>
      </c>
      <c r="I299" s="11">
        <v>45309</v>
      </c>
    </row>
    <row r="300" spans="1:9" x14ac:dyDescent="0.2">
      <c r="A300" s="14">
        <v>3552</v>
      </c>
      <c r="B300" s="15" t="s">
        <v>8893</v>
      </c>
      <c r="C300" s="10" t="s">
        <v>8894</v>
      </c>
      <c r="D300" s="15" t="s">
        <v>7707</v>
      </c>
      <c r="E300" s="10" t="s">
        <v>8895</v>
      </c>
      <c r="F300" s="10" t="s">
        <v>8896</v>
      </c>
      <c r="G300" s="10" t="s">
        <v>8897</v>
      </c>
      <c r="H300" s="10" t="s">
        <v>8894</v>
      </c>
      <c r="I300" s="11">
        <v>45911</v>
      </c>
    </row>
    <row r="301" spans="1:9" x14ac:dyDescent="0.2">
      <c r="A301" s="10">
        <v>2815</v>
      </c>
      <c r="B301" s="10" t="s">
        <v>4794</v>
      </c>
      <c r="C301" s="10" t="s">
        <v>4795</v>
      </c>
      <c r="D301" s="10" t="s">
        <v>4796</v>
      </c>
      <c r="E301" s="10" t="s">
        <v>4797</v>
      </c>
      <c r="F301" s="10" t="s">
        <v>4798</v>
      </c>
      <c r="G301" s="10" t="s">
        <v>4799</v>
      </c>
      <c r="H301" s="10" t="s">
        <v>4800</v>
      </c>
      <c r="I301" s="11">
        <v>44865</v>
      </c>
    </row>
    <row r="302" spans="1:9" x14ac:dyDescent="0.2">
      <c r="A302" s="10">
        <v>3018</v>
      </c>
      <c r="B302" s="10" t="s">
        <v>5920</v>
      </c>
      <c r="C302" s="10" t="s">
        <v>5921</v>
      </c>
      <c r="D302" s="10" t="s">
        <v>5922</v>
      </c>
      <c r="E302" s="10" t="s">
        <v>5923</v>
      </c>
      <c r="F302" s="10" t="s">
        <v>5924</v>
      </c>
      <c r="G302" s="10" t="s">
        <v>5925</v>
      </c>
      <c r="H302" s="10" t="s">
        <v>5926</v>
      </c>
      <c r="I302" s="11">
        <v>45197</v>
      </c>
    </row>
    <row r="303" spans="1:9" x14ac:dyDescent="0.2">
      <c r="A303" s="10">
        <v>3050</v>
      </c>
      <c r="B303" s="10" t="s">
        <v>6091</v>
      </c>
      <c r="C303" s="10" t="s">
        <v>35</v>
      </c>
      <c r="D303" s="10" t="s">
        <v>6092</v>
      </c>
      <c r="E303" s="10" t="s">
        <v>6093</v>
      </c>
      <c r="F303" s="10" t="s">
        <v>6094</v>
      </c>
      <c r="G303" s="10" t="s">
        <v>6095</v>
      </c>
      <c r="H303" s="10" t="s">
        <v>6096</v>
      </c>
      <c r="I303" s="11">
        <v>45243</v>
      </c>
    </row>
    <row r="304" spans="1:9" x14ac:dyDescent="0.2">
      <c r="A304" s="10">
        <v>3405</v>
      </c>
      <c r="B304" s="10" t="s">
        <v>8066</v>
      </c>
      <c r="C304" s="10" t="s">
        <v>8067</v>
      </c>
      <c r="D304" s="10" t="s">
        <v>3654</v>
      </c>
      <c r="E304" s="10" t="s">
        <v>8068</v>
      </c>
      <c r="F304" s="10" t="s">
        <v>8069</v>
      </c>
      <c r="G304" s="10" t="s">
        <v>8070</v>
      </c>
      <c r="H304" s="10" t="s">
        <v>8071</v>
      </c>
      <c r="I304" s="11">
        <v>45743</v>
      </c>
    </row>
    <row r="305" spans="1:9" x14ac:dyDescent="0.2">
      <c r="A305" s="10">
        <v>2798</v>
      </c>
      <c r="B305" s="10" t="s">
        <v>4691</v>
      </c>
      <c r="C305" s="10" t="s">
        <v>4692</v>
      </c>
      <c r="D305" s="10" t="s">
        <v>4693</v>
      </c>
      <c r="E305" s="10" t="s">
        <v>4694</v>
      </c>
      <c r="F305" s="10" t="s">
        <v>4695</v>
      </c>
      <c r="G305" s="10" t="s">
        <v>4696</v>
      </c>
      <c r="H305" s="10" t="s">
        <v>4697</v>
      </c>
      <c r="I305" s="11">
        <v>44833</v>
      </c>
    </row>
    <row r="306" spans="1:9" x14ac:dyDescent="0.2">
      <c r="A306" s="10">
        <v>2049</v>
      </c>
      <c r="B306" s="10" t="s">
        <v>1784</v>
      </c>
      <c r="C306" s="10" t="s">
        <v>1785</v>
      </c>
      <c r="D306" s="10" t="s">
        <v>1786</v>
      </c>
      <c r="E306" s="10" t="s">
        <v>1787</v>
      </c>
      <c r="F306" s="10" t="s">
        <v>1788</v>
      </c>
      <c r="G306" s="10" t="s">
        <v>1789</v>
      </c>
      <c r="H306" s="10" t="s">
        <v>1790</v>
      </c>
      <c r="I306" s="11">
        <v>45407</v>
      </c>
    </row>
    <row r="307" spans="1:9" x14ac:dyDescent="0.2">
      <c r="A307" s="10">
        <v>3362</v>
      </c>
      <c r="B307" s="10" t="s">
        <v>7823</v>
      </c>
      <c r="C307" s="10" t="s">
        <v>7824</v>
      </c>
      <c r="D307" s="10" t="s">
        <v>7825</v>
      </c>
      <c r="E307" s="10" t="s">
        <v>7826</v>
      </c>
      <c r="F307" s="10" t="s">
        <v>7827</v>
      </c>
      <c r="G307" s="10" t="s">
        <v>7828</v>
      </c>
      <c r="H307" s="10" t="s">
        <v>7824</v>
      </c>
      <c r="I307" s="12">
        <v>45649</v>
      </c>
    </row>
    <row r="308" spans="1:9" x14ac:dyDescent="0.2">
      <c r="A308" s="10">
        <v>2617</v>
      </c>
      <c r="B308" s="10" t="s">
        <v>3715</v>
      </c>
      <c r="C308" s="10" t="s">
        <v>3716</v>
      </c>
      <c r="D308" s="10" t="s">
        <v>2974</v>
      </c>
      <c r="E308" s="10" t="s">
        <v>3717</v>
      </c>
      <c r="F308" s="10" t="s">
        <v>3718</v>
      </c>
      <c r="G308" s="10" t="s">
        <v>3719</v>
      </c>
      <c r="H308" s="10" t="s">
        <v>3720</v>
      </c>
      <c r="I308" s="11">
        <v>44572</v>
      </c>
    </row>
    <row r="309" spans="1:9" x14ac:dyDescent="0.2">
      <c r="A309" s="10">
        <v>3158</v>
      </c>
      <c r="B309" s="10" t="s">
        <v>6691</v>
      </c>
      <c r="C309" s="10" t="s">
        <v>6692</v>
      </c>
      <c r="D309" s="10" t="s">
        <v>6693</v>
      </c>
      <c r="E309" s="10" t="s">
        <v>6694</v>
      </c>
      <c r="F309" s="10" t="s">
        <v>6695</v>
      </c>
      <c r="G309" s="10" t="s">
        <v>6696</v>
      </c>
      <c r="H309" s="10" t="s">
        <v>6692</v>
      </c>
      <c r="I309" s="11">
        <v>45379</v>
      </c>
    </row>
    <row r="310" spans="1:9" x14ac:dyDescent="0.2">
      <c r="A310" s="10">
        <v>2071</v>
      </c>
      <c r="B310" s="10" t="s">
        <v>1819</v>
      </c>
      <c r="C310" s="10" t="s">
        <v>35</v>
      </c>
      <c r="D310" s="10" t="s">
        <v>1820</v>
      </c>
      <c r="E310" s="10" t="s">
        <v>1821</v>
      </c>
      <c r="F310" s="10" t="s">
        <v>1822</v>
      </c>
      <c r="G310" s="10" t="s">
        <v>1823</v>
      </c>
      <c r="H310" s="10" t="s">
        <v>1824</v>
      </c>
      <c r="I310" s="11">
        <v>45460</v>
      </c>
    </row>
    <row r="311" spans="1:9" x14ac:dyDescent="0.2">
      <c r="A311" s="14">
        <v>3547</v>
      </c>
      <c r="B311" s="15" t="s">
        <v>8865</v>
      </c>
      <c r="C311" s="10" t="s">
        <v>8866</v>
      </c>
      <c r="D311" s="15" t="s">
        <v>6300</v>
      </c>
      <c r="E311" s="10" t="s">
        <v>8867</v>
      </c>
      <c r="F311" s="10" t="s">
        <v>8868</v>
      </c>
      <c r="G311" s="10" t="s">
        <v>8869</v>
      </c>
      <c r="H311" s="10" t="s">
        <v>8870</v>
      </c>
      <c r="I311" s="11">
        <v>45908</v>
      </c>
    </row>
    <row r="312" spans="1:9" x14ac:dyDescent="0.2">
      <c r="A312" s="10">
        <v>3095</v>
      </c>
      <c r="B312" s="10" t="s">
        <v>6342</v>
      </c>
      <c r="C312" s="10" t="s">
        <v>6343</v>
      </c>
      <c r="D312" s="10" t="s">
        <v>6344</v>
      </c>
      <c r="E312" s="10" t="s">
        <v>6345</v>
      </c>
      <c r="F312" s="10" t="s">
        <v>6346</v>
      </c>
      <c r="G312" s="10" t="s">
        <v>6347</v>
      </c>
      <c r="H312" s="10" t="s">
        <v>6343</v>
      </c>
      <c r="I312" s="11">
        <v>45285</v>
      </c>
    </row>
    <row r="313" spans="1:9" x14ac:dyDescent="0.2">
      <c r="A313" s="10">
        <v>2499</v>
      </c>
      <c r="B313" s="10" t="s">
        <v>3100</v>
      </c>
      <c r="C313" s="10" t="s">
        <v>35</v>
      </c>
      <c r="D313" s="10" t="s">
        <v>3101</v>
      </c>
      <c r="E313" s="10" t="s">
        <v>3102</v>
      </c>
      <c r="F313" s="10" t="s">
        <v>3103</v>
      </c>
      <c r="G313" s="10" t="s">
        <v>3104</v>
      </c>
      <c r="H313" s="10" t="s">
        <v>3105</v>
      </c>
      <c r="I313" s="11">
        <v>44336</v>
      </c>
    </row>
    <row r="314" spans="1:9" x14ac:dyDescent="0.2">
      <c r="A314" s="10">
        <v>3106</v>
      </c>
      <c r="B314" s="10" t="s">
        <v>6409</v>
      </c>
      <c r="C314" s="10" t="s">
        <v>6410</v>
      </c>
      <c r="D314" s="10" t="s">
        <v>6411</v>
      </c>
      <c r="E314" s="10" t="s">
        <v>6412</v>
      </c>
      <c r="F314" s="10" t="s">
        <v>6413</v>
      </c>
      <c r="G314" s="10" t="s">
        <v>6414</v>
      </c>
      <c r="H314" s="10" t="s">
        <v>6410</v>
      </c>
      <c r="I314" s="11">
        <v>45300</v>
      </c>
    </row>
    <row r="315" spans="1:9" x14ac:dyDescent="0.2">
      <c r="A315" s="10">
        <v>2489</v>
      </c>
      <c r="B315" s="10" t="s">
        <v>3045</v>
      </c>
      <c r="C315" s="10" t="s">
        <v>35</v>
      </c>
      <c r="D315" s="10" t="s">
        <v>547</v>
      </c>
      <c r="E315" s="10" t="s">
        <v>3046</v>
      </c>
      <c r="F315" s="10" t="s">
        <v>3047</v>
      </c>
      <c r="G315" s="10" t="s">
        <v>3048</v>
      </c>
      <c r="H315" s="10" t="s">
        <v>3049</v>
      </c>
      <c r="I315" s="11">
        <v>44336</v>
      </c>
    </row>
    <row r="316" spans="1:9" x14ac:dyDescent="0.2">
      <c r="A316" s="10">
        <v>2628</v>
      </c>
      <c r="B316" s="10" t="s">
        <v>3773</v>
      </c>
      <c r="C316" s="10" t="s">
        <v>3774</v>
      </c>
      <c r="D316" s="10" t="s">
        <v>3775</v>
      </c>
      <c r="E316" s="10" t="s">
        <v>3776</v>
      </c>
      <c r="F316" s="10" t="s">
        <v>3777</v>
      </c>
      <c r="G316" s="10" t="s">
        <v>3778</v>
      </c>
      <c r="H316" s="10" t="s">
        <v>3774</v>
      </c>
      <c r="I316" s="11">
        <v>44581</v>
      </c>
    </row>
    <row r="317" spans="1:9" x14ac:dyDescent="0.2">
      <c r="A317" s="10">
        <v>1566</v>
      </c>
      <c r="B317" s="10" t="s">
        <v>852</v>
      </c>
      <c r="C317" s="10" t="s">
        <v>853</v>
      </c>
      <c r="D317" s="10" t="s">
        <v>854</v>
      </c>
      <c r="E317" s="10" t="s">
        <v>855</v>
      </c>
      <c r="F317" s="10" t="s">
        <v>856</v>
      </c>
      <c r="G317" s="10" t="s">
        <v>857</v>
      </c>
      <c r="H317" s="10" t="s">
        <v>853</v>
      </c>
      <c r="I317" s="11">
        <v>44318</v>
      </c>
    </row>
    <row r="318" spans="1:9" x14ac:dyDescent="0.2">
      <c r="A318" s="13">
        <v>3418</v>
      </c>
      <c r="B318" s="10" t="s">
        <v>8145</v>
      </c>
      <c r="C318" s="10" t="s">
        <v>8146</v>
      </c>
      <c r="D318" s="10" t="s">
        <v>201</v>
      </c>
      <c r="E318" s="10" t="s">
        <v>8147</v>
      </c>
      <c r="F318" s="10" t="s">
        <v>8148</v>
      </c>
      <c r="G318" s="10" t="s">
        <v>8149</v>
      </c>
      <c r="H318" s="10" t="s">
        <v>8146</v>
      </c>
      <c r="I318" s="11">
        <v>45722</v>
      </c>
    </row>
    <row r="319" spans="1:9" x14ac:dyDescent="0.2">
      <c r="A319" s="10">
        <v>1050</v>
      </c>
      <c r="B319" s="10" t="s">
        <v>401</v>
      </c>
      <c r="C319" s="10" t="s">
        <v>402</v>
      </c>
      <c r="D319" s="10" t="s">
        <v>403</v>
      </c>
      <c r="E319" s="10" t="s">
        <v>404</v>
      </c>
      <c r="F319" s="10" t="s">
        <v>405</v>
      </c>
      <c r="G319" s="10" t="s">
        <v>406</v>
      </c>
      <c r="H319" s="10" t="s">
        <v>402</v>
      </c>
      <c r="I319" s="11">
        <v>44536</v>
      </c>
    </row>
    <row r="320" spans="1:9" x14ac:dyDescent="0.2">
      <c r="A320" s="10">
        <v>3360</v>
      </c>
      <c r="B320" s="10" t="s">
        <v>7812</v>
      </c>
      <c r="C320" s="10" t="s">
        <v>7813</v>
      </c>
      <c r="D320" s="10" t="s">
        <v>696</v>
      </c>
      <c r="E320" s="10" t="s">
        <v>7814</v>
      </c>
      <c r="F320" s="10" t="s">
        <v>7815</v>
      </c>
      <c r="G320" s="10" t="s">
        <v>7816</v>
      </c>
      <c r="H320" s="10" t="s">
        <v>7813</v>
      </c>
      <c r="I320" s="12">
        <v>45642</v>
      </c>
    </row>
    <row r="321" spans="1:9" x14ac:dyDescent="0.2">
      <c r="A321" s="10">
        <v>2888</v>
      </c>
      <c r="B321" s="10" t="s">
        <v>5191</v>
      </c>
      <c r="C321" s="10" t="s">
        <v>5192</v>
      </c>
      <c r="D321" s="10" t="s">
        <v>5193</v>
      </c>
      <c r="E321" s="10" t="s">
        <v>5194</v>
      </c>
      <c r="F321" s="10" t="s">
        <v>5195</v>
      </c>
      <c r="G321" s="10" t="s">
        <v>5196</v>
      </c>
      <c r="H321" s="10" t="s">
        <v>5197</v>
      </c>
      <c r="I321" s="11">
        <v>45043</v>
      </c>
    </row>
    <row r="322" spans="1:9" x14ac:dyDescent="0.2">
      <c r="A322" s="13">
        <v>3462</v>
      </c>
      <c r="B322" s="10" t="s">
        <v>8387</v>
      </c>
      <c r="C322" s="10" t="s">
        <v>8388</v>
      </c>
      <c r="D322" s="10" t="s">
        <v>7871</v>
      </c>
      <c r="E322" s="10" t="s">
        <v>8389</v>
      </c>
      <c r="F322" s="10" t="s">
        <v>8390</v>
      </c>
      <c r="G322" s="10" t="s">
        <v>8391</v>
      </c>
      <c r="H322" s="10" t="s">
        <v>8388</v>
      </c>
      <c r="I322" s="11">
        <v>45778</v>
      </c>
    </row>
    <row r="323" spans="1:9" x14ac:dyDescent="0.2">
      <c r="A323" s="14">
        <v>3624</v>
      </c>
      <c r="B323" s="15" t="s">
        <v>9303</v>
      </c>
      <c r="C323" s="10" t="s">
        <v>35</v>
      </c>
      <c r="D323" s="15" t="s">
        <v>9304</v>
      </c>
      <c r="E323" s="10" t="s">
        <v>9305</v>
      </c>
      <c r="F323" s="10" t="s">
        <v>9306</v>
      </c>
      <c r="G323" s="10" t="s">
        <v>9307</v>
      </c>
      <c r="H323" s="10" t="s">
        <v>9308</v>
      </c>
      <c r="I323" s="11">
        <v>46013</v>
      </c>
    </row>
    <row r="324" spans="1:9" x14ac:dyDescent="0.2">
      <c r="A324" s="10">
        <v>2743</v>
      </c>
      <c r="B324" s="10" t="s">
        <v>4375</v>
      </c>
      <c r="C324" s="10" t="s">
        <v>4376</v>
      </c>
      <c r="D324" s="10" t="s">
        <v>1149</v>
      </c>
      <c r="E324" s="10" t="s">
        <v>4377</v>
      </c>
      <c r="F324" s="10" t="s">
        <v>4378</v>
      </c>
      <c r="G324" s="10" t="s">
        <v>4379</v>
      </c>
      <c r="H324" s="10" t="s">
        <v>4376</v>
      </c>
      <c r="I324" s="11">
        <v>44742</v>
      </c>
    </row>
    <row r="325" spans="1:9" x14ac:dyDescent="0.2">
      <c r="A325" s="10">
        <v>2839</v>
      </c>
      <c r="B325" s="10" t="s">
        <v>4915</v>
      </c>
      <c r="C325" s="10" t="s">
        <v>4916</v>
      </c>
      <c r="D325" s="10" t="s">
        <v>36</v>
      </c>
      <c r="E325" s="10" t="s">
        <v>4917</v>
      </c>
      <c r="F325" s="10" t="s">
        <v>4918</v>
      </c>
      <c r="G325" s="10" t="s">
        <v>4919</v>
      </c>
      <c r="H325" s="10" t="s">
        <v>4916</v>
      </c>
      <c r="I325" s="11">
        <v>44914</v>
      </c>
    </row>
    <row r="326" spans="1:9" x14ac:dyDescent="0.2">
      <c r="A326" s="10">
        <v>1577</v>
      </c>
      <c r="B326" s="10" t="s">
        <v>876</v>
      </c>
      <c r="C326" s="10" t="s">
        <v>877</v>
      </c>
      <c r="D326" s="10" t="s">
        <v>878</v>
      </c>
      <c r="E326" s="10" t="s">
        <v>879</v>
      </c>
      <c r="F326" s="10" t="s">
        <v>880</v>
      </c>
      <c r="G326" s="10" t="s">
        <v>881</v>
      </c>
      <c r="H326" s="10" t="s">
        <v>877</v>
      </c>
      <c r="I326" s="11">
        <v>44342</v>
      </c>
    </row>
    <row r="327" spans="1:9" x14ac:dyDescent="0.2">
      <c r="A327" s="10">
        <v>1668</v>
      </c>
      <c r="B327" s="10" t="s">
        <v>1026</v>
      </c>
      <c r="C327" s="10" t="s">
        <v>1027</v>
      </c>
      <c r="D327" s="10" t="s">
        <v>1028</v>
      </c>
      <c r="E327" s="10" t="s">
        <v>1029</v>
      </c>
      <c r="F327" s="10" t="s">
        <v>1030</v>
      </c>
      <c r="G327" s="10" t="s">
        <v>1031</v>
      </c>
      <c r="H327" s="10" t="s">
        <v>1027</v>
      </c>
      <c r="I327" s="11">
        <v>44538</v>
      </c>
    </row>
    <row r="328" spans="1:9" x14ac:dyDescent="0.2">
      <c r="A328" s="10">
        <v>3287</v>
      </c>
      <c r="B328" s="10" t="s">
        <v>7383</v>
      </c>
      <c r="C328" s="10" t="s">
        <v>7384</v>
      </c>
      <c r="D328" s="10" t="s">
        <v>7385</v>
      </c>
      <c r="E328" s="10" t="s">
        <v>7386</v>
      </c>
      <c r="F328" s="10" t="s">
        <v>7387</v>
      </c>
      <c r="G328" s="10" t="s">
        <v>7388</v>
      </c>
      <c r="H328" s="10" t="s">
        <v>7384</v>
      </c>
      <c r="I328" s="11">
        <v>45554</v>
      </c>
    </row>
    <row r="329" spans="1:9" x14ac:dyDescent="0.2">
      <c r="A329" s="10">
        <v>2573</v>
      </c>
      <c r="B329" s="10" t="s">
        <v>3468</v>
      </c>
      <c r="C329" s="10" t="s">
        <v>3469</v>
      </c>
      <c r="D329" s="10" t="s">
        <v>3470</v>
      </c>
      <c r="E329" s="10" t="s">
        <v>3471</v>
      </c>
      <c r="F329" s="10" t="s">
        <v>3472</v>
      </c>
      <c r="G329" s="10" t="s">
        <v>3473</v>
      </c>
      <c r="H329" s="10" t="s">
        <v>3474</v>
      </c>
      <c r="I329" s="11">
        <v>44494</v>
      </c>
    </row>
    <row r="330" spans="1:9" x14ac:dyDescent="0.2">
      <c r="A330" s="10">
        <v>3134</v>
      </c>
      <c r="B330" s="10" t="s">
        <v>6557</v>
      </c>
      <c r="C330" s="10" t="s">
        <v>6558</v>
      </c>
      <c r="D330" s="10" t="s">
        <v>6559</v>
      </c>
      <c r="E330" s="10" t="s">
        <v>6560</v>
      </c>
      <c r="F330" s="10" t="s">
        <v>6561</v>
      </c>
      <c r="G330" s="10" t="s">
        <v>6562</v>
      </c>
      <c r="H330" s="10" t="s">
        <v>6558</v>
      </c>
      <c r="I330" s="11">
        <v>45337</v>
      </c>
    </row>
    <row r="331" spans="1:9" x14ac:dyDescent="0.2">
      <c r="A331" s="10">
        <v>3173</v>
      </c>
      <c r="B331" s="10" t="s">
        <v>6758</v>
      </c>
      <c r="C331" s="10" t="s">
        <v>6759</v>
      </c>
      <c r="D331" s="10" t="s">
        <v>6760</v>
      </c>
      <c r="E331" s="10" t="s">
        <v>6761</v>
      </c>
      <c r="F331" s="10" t="s">
        <v>6762</v>
      </c>
      <c r="G331" s="10" t="s">
        <v>6763</v>
      </c>
      <c r="H331" s="10" t="s">
        <v>6764</v>
      </c>
      <c r="I331" s="11">
        <v>45383</v>
      </c>
    </row>
    <row r="332" spans="1:9" x14ac:dyDescent="0.2">
      <c r="A332" s="10">
        <v>2849</v>
      </c>
      <c r="B332" s="10" t="s">
        <v>4970</v>
      </c>
      <c r="C332" s="10" t="s">
        <v>35</v>
      </c>
      <c r="D332" s="10" t="s">
        <v>4971</v>
      </c>
      <c r="E332" s="10" t="s">
        <v>4972</v>
      </c>
      <c r="F332" s="10" t="s">
        <v>4973</v>
      </c>
      <c r="G332" s="10" t="s">
        <v>4974</v>
      </c>
      <c r="H332" s="10" t="s">
        <v>4975</v>
      </c>
      <c r="I332" s="11">
        <v>44938</v>
      </c>
    </row>
    <row r="333" spans="1:9" x14ac:dyDescent="0.2">
      <c r="A333" s="10">
        <v>2559</v>
      </c>
      <c r="B333" s="10" t="s">
        <v>3395</v>
      </c>
      <c r="C333" s="10" t="s">
        <v>3396</v>
      </c>
      <c r="D333" s="10" t="s">
        <v>3397</v>
      </c>
      <c r="E333" s="10" t="s">
        <v>3398</v>
      </c>
      <c r="F333" s="10" t="s">
        <v>3399</v>
      </c>
      <c r="G333" s="10" t="s">
        <v>3400</v>
      </c>
      <c r="H333" s="10" t="s">
        <v>3396</v>
      </c>
      <c r="I333" s="11">
        <v>44448</v>
      </c>
    </row>
    <row r="334" spans="1:9" x14ac:dyDescent="0.2">
      <c r="A334" s="14">
        <v>3604</v>
      </c>
      <c r="B334" s="15" t="s">
        <v>9183</v>
      </c>
      <c r="C334" s="10" t="s">
        <v>9184</v>
      </c>
      <c r="D334" s="15" t="s">
        <v>9185</v>
      </c>
      <c r="E334" s="10" t="s">
        <v>9186</v>
      </c>
      <c r="F334" s="10" t="s">
        <v>9187</v>
      </c>
      <c r="G334" s="10" t="s">
        <v>9188</v>
      </c>
      <c r="H334" s="10" t="s">
        <v>9189</v>
      </c>
      <c r="I334" s="11">
        <v>45988</v>
      </c>
    </row>
    <row r="335" spans="1:9" x14ac:dyDescent="0.2">
      <c r="A335" s="10">
        <v>1773</v>
      </c>
      <c r="B335" s="10" t="s">
        <v>1242</v>
      </c>
      <c r="C335" s="10" t="s">
        <v>35</v>
      </c>
      <c r="D335" s="10" t="s">
        <v>1243</v>
      </c>
      <c r="E335" s="10" t="s">
        <v>1244</v>
      </c>
      <c r="F335" s="10" t="s">
        <v>1245</v>
      </c>
      <c r="G335" s="10" t="s">
        <v>1246</v>
      </c>
      <c r="H335" s="10" t="s">
        <v>1247</v>
      </c>
      <c r="I335" s="11">
        <v>44766</v>
      </c>
    </row>
    <row r="336" spans="1:9" x14ac:dyDescent="0.2">
      <c r="A336" s="10">
        <v>3243</v>
      </c>
      <c r="B336" s="10" t="s">
        <v>7138</v>
      </c>
      <c r="C336" s="10" t="s">
        <v>7139</v>
      </c>
      <c r="D336" s="10" t="s">
        <v>7140</v>
      </c>
      <c r="E336" s="10" t="s">
        <v>7141</v>
      </c>
      <c r="F336" s="10" t="s">
        <v>7142</v>
      </c>
      <c r="G336" s="10" t="s">
        <v>7143</v>
      </c>
      <c r="H336" s="10" t="s">
        <v>7139</v>
      </c>
      <c r="I336" s="11">
        <v>45491</v>
      </c>
    </row>
    <row r="337" spans="1:9" x14ac:dyDescent="0.2">
      <c r="A337" s="10">
        <v>2574</v>
      </c>
      <c r="B337" s="10" t="s">
        <v>3475</v>
      </c>
      <c r="C337" s="10" t="s">
        <v>3476</v>
      </c>
      <c r="D337" s="10" t="s">
        <v>547</v>
      </c>
      <c r="E337" s="10" t="s">
        <v>3477</v>
      </c>
      <c r="F337" s="10" t="s">
        <v>3478</v>
      </c>
      <c r="G337" s="10" t="s">
        <v>3479</v>
      </c>
      <c r="H337" s="10" t="s">
        <v>3480</v>
      </c>
      <c r="I337" s="11">
        <v>44494</v>
      </c>
    </row>
    <row r="338" spans="1:9" x14ac:dyDescent="0.2">
      <c r="A338" s="14">
        <v>3590</v>
      </c>
      <c r="B338" s="15" t="s">
        <v>9102</v>
      </c>
      <c r="C338" s="10" t="s">
        <v>9103</v>
      </c>
      <c r="D338" s="15" t="s">
        <v>9104</v>
      </c>
      <c r="E338" s="10" t="s">
        <v>9105</v>
      </c>
      <c r="F338" s="10" t="s">
        <v>9106</v>
      </c>
      <c r="G338" s="10" t="s">
        <v>9107</v>
      </c>
      <c r="H338" s="10" t="s">
        <v>9103</v>
      </c>
      <c r="I338" s="11">
        <v>45978</v>
      </c>
    </row>
    <row r="339" spans="1:9" x14ac:dyDescent="0.2">
      <c r="A339" s="10">
        <v>2533</v>
      </c>
      <c r="B339" s="10" t="s">
        <v>3257</v>
      </c>
      <c r="C339" s="10" t="s">
        <v>3258</v>
      </c>
      <c r="D339" s="10" t="s">
        <v>3259</v>
      </c>
      <c r="E339" s="10" t="s">
        <v>3260</v>
      </c>
      <c r="F339" s="10" t="s">
        <v>3261</v>
      </c>
      <c r="G339" s="10" t="s">
        <v>3262</v>
      </c>
      <c r="H339" s="10" t="s">
        <v>3263</v>
      </c>
      <c r="I339" s="11">
        <v>44377</v>
      </c>
    </row>
    <row r="340" spans="1:9" x14ac:dyDescent="0.2">
      <c r="A340" s="10">
        <v>3369</v>
      </c>
      <c r="B340" s="10" t="s">
        <v>7869</v>
      </c>
      <c r="C340" s="10" t="s">
        <v>7870</v>
      </c>
      <c r="D340" s="10" t="s">
        <v>7871</v>
      </c>
      <c r="E340" s="10" t="s">
        <v>7872</v>
      </c>
      <c r="F340" s="10" t="s">
        <v>7873</v>
      </c>
      <c r="G340" s="10" t="s">
        <v>7874</v>
      </c>
      <c r="H340" s="10" t="s">
        <v>7875</v>
      </c>
      <c r="I340" s="12">
        <v>45649</v>
      </c>
    </row>
    <row r="341" spans="1:9" x14ac:dyDescent="0.2">
      <c r="A341" s="10">
        <v>3355</v>
      </c>
      <c r="B341" s="10" t="s">
        <v>7785</v>
      </c>
      <c r="C341" s="10" t="s">
        <v>7786</v>
      </c>
      <c r="D341" s="10" t="s">
        <v>6817</v>
      </c>
      <c r="E341" s="10" t="s">
        <v>7787</v>
      </c>
      <c r="F341" s="10" t="s">
        <v>7788</v>
      </c>
      <c r="G341" s="10" t="s">
        <v>7789</v>
      </c>
      <c r="H341" s="10" t="s">
        <v>7786</v>
      </c>
      <c r="I341" s="12">
        <v>45631</v>
      </c>
    </row>
    <row r="342" spans="1:9" x14ac:dyDescent="0.2">
      <c r="A342" s="10">
        <v>1486</v>
      </c>
      <c r="B342" s="10" t="s">
        <v>733</v>
      </c>
      <c r="C342" s="10" t="s">
        <v>734</v>
      </c>
      <c r="D342" s="10" t="s">
        <v>735</v>
      </c>
      <c r="E342" s="10" t="s">
        <v>736</v>
      </c>
      <c r="F342" s="10" t="s">
        <v>737</v>
      </c>
      <c r="G342" s="10" t="s">
        <v>738</v>
      </c>
      <c r="H342" s="10" t="s">
        <v>734</v>
      </c>
      <c r="I342" s="11">
        <v>45945</v>
      </c>
    </row>
    <row r="343" spans="1:9" x14ac:dyDescent="0.2">
      <c r="A343" s="10">
        <v>2886</v>
      </c>
      <c r="B343" s="10" t="s">
        <v>5181</v>
      </c>
      <c r="C343" s="10" t="s">
        <v>5182</v>
      </c>
      <c r="D343" s="10" t="s">
        <v>952</v>
      </c>
      <c r="E343" s="10" t="s">
        <v>5183</v>
      </c>
      <c r="F343" s="10" t="s">
        <v>5184</v>
      </c>
      <c r="G343" s="10" t="s">
        <v>5185</v>
      </c>
      <c r="H343" s="10" t="s">
        <v>5182</v>
      </c>
      <c r="I343" s="11">
        <v>45001</v>
      </c>
    </row>
    <row r="344" spans="1:9" x14ac:dyDescent="0.2">
      <c r="A344" s="10">
        <v>3201</v>
      </c>
      <c r="B344" s="10" t="s">
        <v>6910</v>
      </c>
      <c r="C344" s="10" t="s">
        <v>35</v>
      </c>
      <c r="D344" s="10" t="s">
        <v>5152</v>
      </c>
      <c r="E344" s="10" t="s">
        <v>6911</v>
      </c>
      <c r="F344" s="10" t="s">
        <v>6912</v>
      </c>
      <c r="G344" s="10" t="s">
        <v>6913</v>
      </c>
      <c r="H344" s="10" t="s">
        <v>6914</v>
      </c>
      <c r="I344" s="11">
        <v>45428</v>
      </c>
    </row>
    <row r="345" spans="1:9" x14ac:dyDescent="0.2">
      <c r="A345" s="10">
        <v>1705</v>
      </c>
      <c r="B345" s="10" t="s">
        <v>1097</v>
      </c>
      <c r="C345" s="10" t="s">
        <v>1098</v>
      </c>
      <c r="D345" s="10" t="s">
        <v>1099</v>
      </c>
      <c r="E345" s="10" t="s">
        <v>1100</v>
      </c>
      <c r="F345" s="10" t="s">
        <v>1101</v>
      </c>
      <c r="G345" s="10" t="s">
        <v>1102</v>
      </c>
      <c r="H345" s="10" t="s">
        <v>1103</v>
      </c>
      <c r="I345" s="11">
        <v>44622</v>
      </c>
    </row>
    <row r="346" spans="1:9" x14ac:dyDescent="0.2">
      <c r="A346" s="10">
        <v>3062</v>
      </c>
      <c r="B346" s="10" t="s">
        <v>6157</v>
      </c>
      <c r="C346" s="10" t="s">
        <v>35</v>
      </c>
      <c r="D346" s="10" t="s">
        <v>6158</v>
      </c>
      <c r="E346" s="10" t="s">
        <v>6159</v>
      </c>
      <c r="F346" s="10" t="s">
        <v>6160</v>
      </c>
      <c r="G346" s="10" t="s">
        <v>6161</v>
      </c>
      <c r="H346" s="10" t="s">
        <v>6162</v>
      </c>
      <c r="I346" s="11">
        <v>45257</v>
      </c>
    </row>
    <row r="347" spans="1:9" x14ac:dyDescent="0.2">
      <c r="A347" s="10">
        <v>1776</v>
      </c>
      <c r="B347" s="10" t="s">
        <v>1248</v>
      </c>
      <c r="C347" s="10" t="s">
        <v>1249</v>
      </c>
      <c r="D347" s="10" t="s">
        <v>1250</v>
      </c>
      <c r="E347" s="10" t="s">
        <v>1251</v>
      </c>
      <c r="F347" s="10" t="s">
        <v>1252</v>
      </c>
      <c r="G347" s="10" t="s">
        <v>1253</v>
      </c>
      <c r="H347" s="10" t="s">
        <v>1249</v>
      </c>
      <c r="I347" s="11">
        <v>44768</v>
      </c>
    </row>
    <row r="348" spans="1:9" x14ac:dyDescent="0.2">
      <c r="A348" s="10">
        <v>2054</v>
      </c>
      <c r="B348" s="10" t="s">
        <v>1802</v>
      </c>
      <c r="C348" s="10" t="s">
        <v>1803</v>
      </c>
      <c r="D348" s="10" t="s">
        <v>1804</v>
      </c>
      <c r="E348" s="10" t="s">
        <v>1805</v>
      </c>
      <c r="F348" s="10" t="s">
        <v>1806</v>
      </c>
      <c r="G348" s="10" t="s">
        <v>1807</v>
      </c>
      <c r="H348" s="10" t="s">
        <v>1803</v>
      </c>
      <c r="I348" s="11">
        <v>45419</v>
      </c>
    </row>
    <row r="349" spans="1:9" x14ac:dyDescent="0.2">
      <c r="A349" s="10">
        <v>1464</v>
      </c>
      <c r="B349" s="10" t="s">
        <v>720</v>
      </c>
      <c r="C349" s="10" t="s">
        <v>721</v>
      </c>
      <c r="D349" s="10" t="s">
        <v>634</v>
      </c>
      <c r="E349" s="10" t="s">
        <v>722</v>
      </c>
      <c r="F349" s="10" t="s">
        <v>723</v>
      </c>
      <c r="G349" s="10" t="s">
        <v>724</v>
      </c>
      <c r="H349" s="10" t="s">
        <v>725</v>
      </c>
      <c r="I349" s="11">
        <v>45893</v>
      </c>
    </row>
    <row r="350" spans="1:9" x14ac:dyDescent="0.2">
      <c r="A350" s="10">
        <v>3109</v>
      </c>
      <c r="B350" s="10" t="s">
        <v>6427</v>
      </c>
      <c r="C350" s="10" t="s">
        <v>6428</v>
      </c>
      <c r="D350" s="10" t="s">
        <v>6429</v>
      </c>
      <c r="E350" s="10" t="s">
        <v>6430</v>
      </c>
      <c r="F350" s="10" t="s">
        <v>6431</v>
      </c>
      <c r="G350" s="10" t="s">
        <v>6432</v>
      </c>
      <c r="H350" s="10" t="s">
        <v>6433</v>
      </c>
      <c r="I350" s="11">
        <v>45302</v>
      </c>
    </row>
    <row r="351" spans="1:9" x14ac:dyDescent="0.2">
      <c r="A351" s="10">
        <v>2036</v>
      </c>
      <c r="B351" s="10" t="s">
        <v>1753</v>
      </c>
      <c r="C351" s="10" t="s">
        <v>1754</v>
      </c>
      <c r="D351" s="10" t="s">
        <v>1755</v>
      </c>
      <c r="E351" s="10" t="s">
        <v>1756</v>
      </c>
      <c r="F351" s="10" t="s">
        <v>1757</v>
      </c>
      <c r="G351" s="10" t="s">
        <v>1758</v>
      </c>
      <c r="H351" s="10" t="s">
        <v>1754</v>
      </c>
      <c r="I351" s="11">
        <v>45397</v>
      </c>
    </row>
    <row r="352" spans="1:9" x14ac:dyDescent="0.2">
      <c r="A352" s="10">
        <v>3258</v>
      </c>
      <c r="B352" s="10" t="s">
        <v>7227</v>
      </c>
      <c r="C352" s="10" t="s">
        <v>35</v>
      </c>
      <c r="D352" s="10" t="s">
        <v>261</v>
      </c>
      <c r="E352" s="10" t="s">
        <v>7228</v>
      </c>
      <c r="F352" s="10" t="s">
        <v>7229</v>
      </c>
      <c r="G352" s="10" t="s">
        <v>7230</v>
      </c>
      <c r="H352" s="10" t="s">
        <v>7231</v>
      </c>
      <c r="I352" s="11">
        <v>45517</v>
      </c>
    </row>
    <row r="353" spans="1:9" x14ac:dyDescent="0.2">
      <c r="A353" s="13">
        <v>3471</v>
      </c>
      <c r="B353" s="10" t="s">
        <v>8434</v>
      </c>
      <c r="C353" s="10" t="s">
        <v>35</v>
      </c>
      <c r="D353" s="10" t="s">
        <v>8435</v>
      </c>
      <c r="E353" s="10" t="s">
        <v>8436</v>
      </c>
      <c r="F353" s="10" t="s">
        <v>8437</v>
      </c>
      <c r="G353" s="10" t="s">
        <v>8438</v>
      </c>
      <c r="H353" s="10" t="s">
        <v>8439</v>
      </c>
      <c r="I353" s="11">
        <v>45806</v>
      </c>
    </row>
    <row r="354" spans="1:9" x14ac:dyDescent="0.2">
      <c r="A354" s="10">
        <v>371</v>
      </c>
      <c r="B354" s="10" t="s">
        <v>136</v>
      </c>
      <c r="C354" s="10" t="s">
        <v>137</v>
      </c>
      <c r="D354" s="10" t="s">
        <v>138</v>
      </c>
      <c r="E354" s="10" t="s">
        <v>139</v>
      </c>
      <c r="F354" s="10" t="s">
        <v>140</v>
      </c>
      <c r="G354" s="10" t="s">
        <v>141</v>
      </c>
      <c r="H354" s="10" t="s">
        <v>137</v>
      </c>
      <c r="I354" s="11">
        <v>45199</v>
      </c>
    </row>
    <row r="355" spans="1:9" x14ac:dyDescent="0.2">
      <c r="A355" s="10">
        <v>128</v>
      </c>
      <c r="B355" s="10" t="s">
        <v>84</v>
      </c>
      <c r="C355" s="10" t="s">
        <v>85</v>
      </c>
      <c r="D355" s="10" t="s">
        <v>86</v>
      </c>
      <c r="E355" s="10" t="s">
        <v>87</v>
      </c>
      <c r="F355" s="10" t="s">
        <v>88</v>
      </c>
      <c r="G355" s="10" t="s">
        <v>89</v>
      </c>
      <c r="H355" s="10" t="s">
        <v>90</v>
      </c>
      <c r="I355" s="11">
        <v>44551</v>
      </c>
    </row>
    <row r="356" spans="1:9" x14ac:dyDescent="0.2">
      <c r="A356" s="10">
        <v>2382</v>
      </c>
      <c r="B356" s="10" t="s">
        <v>2479</v>
      </c>
      <c r="C356" s="10" t="s">
        <v>2480</v>
      </c>
      <c r="D356" s="10" t="s">
        <v>2481</v>
      </c>
      <c r="E356" s="10" t="s">
        <v>2482</v>
      </c>
      <c r="F356" s="10" t="s">
        <v>2483</v>
      </c>
      <c r="G356" s="10" t="s">
        <v>2484</v>
      </c>
      <c r="H356" s="10" t="s">
        <v>2485</v>
      </c>
      <c r="I356" s="11">
        <v>44203</v>
      </c>
    </row>
    <row r="357" spans="1:9" x14ac:dyDescent="0.2">
      <c r="A357" s="10">
        <v>2405</v>
      </c>
      <c r="B357" s="10" t="s">
        <v>2606</v>
      </c>
      <c r="C357" s="10" t="s">
        <v>2607</v>
      </c>
      <c r="D357" s="10" t="s">
        <v>2608</v>
      </c>
      <c r="E357" s="10" t="s">
        <v>2609</v>
      </c>
      <c r="F357" s="10" t="s">
        <v>2610</v>
      </c>
      <c r="G357" s="10" t="s">
        <v>2611</v>
      </c>
      <c r="H357" s="10" t="s">
        <v>2607</v>
      </c>
      <c r="I357" s="11">
        <v>46075</v>
      </c>
    </row>
    <row r="358" spans="1:9" x14ac:dyDescent="0.2">
      <c r="A358" s="10">
        <v>1918</v>
      </c>
      <c r="B358" s="10" t="s">
        <v>1552</v>
      </c>
      <c r="C358" s="10" t="s">
        <v>1553</v>
      </c>
      <c r="D358" s="10" t="s">
        <v>1554</v>
      </c>
      <c r="E358" s="10" t="s">
        <v>1555</v>
      </c>
      <c r="F358" s="10" t="s">
        <v>1556</v>
      </c>
      <c r="G358" s="10" t="s">
        <v>1557</v>
      </c>
      <c r="H358" s="10" t="s">
        <v>1558</v>
      </c>
      <c r="I358" s="11">
        <v>45102</v>
      </c>
    </row>
    <row r="359" spans="1:9" x14ac:dyDescent="0.2">
      <c r="A359" s="10">
        <v>2312</v>
      </c>
      <c r="B359" s="10" t="s">
        <v>2290</v>
      </c>
      <c r="C359" s="10" t="s">
        <v>35</v>
      </c>
      <c r="D359" s="10" t="s">
        <v>2291</v>
      </c>
      <c r="E359" s="10" t="s">
        <v>2292</v>
      </c>
      <c r="F359" s="10" t="s">
        <v>2293</v>
      </c>
      <c r="G359" s="10" t="s">
        <v>2294</v>
      </c>
      <c r="H359" s="10" t="s">
        <v>2295</v>
      </c>
      <c r="I359" s="11">
        <v>45914</v>
      </c>
    </row>
    <row r="360" spans="1:9" x14ac:dyDescent="0.2">
      <c r="A360" s="10">
        <v>3142</v>
      </c>
      <c r="B360" s="10" t="s">
        <v>6601</v>
      </c>
      <c r="C360" s="10" t="s">
        <v>6602</v>
      </c>
      <c r="D360" s="10" t="s">
        <v>6603</v>
      </c>
      <c r="E360" s="10" t="s">
        <v>6604</v>
      </c>
      <c r="F360" s="10" t="s">
        <v>6605</v>
      </c>
      <c r="G360" s="10" t="s">
        <v>6606</v>
      </c>
      <c r="H360" s="10" t="s">
        <v>6607</v>
      </c>
      <c r="I360" s="11">
        <v>45355</v>
      </c>
    </row>
    <row r="361" spans="1:9" x14ac:dyDescent="0.2">
      <c r="A361" s="10">
        <v>2147</v>
      </c>
      <c r="B361" s="10" t="s">
        <v>1952</v>
      </c>
      <c r="C361" s="10" t="s">
        <v>1953</v>
      </c>
      <c r="D361" s="10" t="s">
        <v>1954</v>
      </c>
      <c r="E361" s="10" t="s">
        <v>1955</v>
      </c>
      <c r="F361" s="10" t="s">
        <v>1956</v>
      </c>
      <c r="G361" s="10" t="s">
        <v>1957</v>
      </c>
      <c r="H361" s="10" t="s">
        <v>1953</v>
      </c>
      <c r="I361" s="11">
        <v>45593</v>
      </c>
    </row>
    <row r="362" spans="1:9" x14ac:dyDescent="0.2">
      <c r="A362" s="10">
        <v>1492</v>
      </c>
      <c r="B362" s="10" t="s">
        <v>739</v>
      </c>
      <c r="C362" s="10" t="s">
        <v>35</v>
      </c>
      <c r="D362" s="10" t="s">
        <v>118</v>
      </c>
      <c r="E362" s="10" t="s">
        <v>740</v>
      </c>
      <c r="F362" s="10" t="s">
        <v>741</v>
      </c>
      <c r="G362" s="10" t="s">
        <v>742</v>
      </c>
      <c r="H362" s="10" t="s">
        <v>743</v>
      </c>
      <c r="I362" s="11">
        <v>45971</v>
      </c>
    </row>
    <row r="363" spans="1:9" x14ac:dyDescent="0.2">
      <c r="A363" s="10">
        <v>2691</v>
      </c>
      <c r="B363" s="10" t="s">
        <v>4103</v>
      </c>
      <c r="C363" s="10" t="s">
        <v>4104</v>
      </c>
      <c r="D363" s="10" t="s">
        <v>4009</v>
      </c>
      <c r="E363" s="10" t="s">
        <v>4105</v>
      </c>
      <c r="F363" s="10" t="s">
        <v>4106</v>
      </c>
      <c r="G363" s="10" t="s">
        <v>4107</v>
      </c>
      <c r="H363" s="10" t="s">
        <v>4108</v>
      </c>
      <c r="I363" s="11">
        <v>44665</v>
      </c>
    </row>
    <row r="364" spans="1:9" x14ac:dyDescent="0.2">
      <c r="A364" s="10">
        <v>2842</v>
      </c>
      <c r="B364" s="10" t="s">
        <v>4926</v>
      </c>
      <c r="C364" s="10" t="s">
        <v>4927</v>
      </c>
      <c r="D364" s="10" t="s">
        <v>4928</v>
      </c>
      <c r="E364" s="10" t="s">
        <v>4929</v>
      </c>
      <c r="F364" s="10" t="s">
        <v>4930</v>
      </c>
      <c r="G364" s="10" t="s">
        <v>4931</v>
      </c>
      <c r="H364" s="10" t="s">
        <v>4932</v>
      </c>
      <c r="I364" s="11">
        <v>44914</v>
      </c>
    </row>
    <row r="365" spans="1:9" x14ac:dyDescent="0.2">
      <c r="A365" s="10">
        <v>939</v>
      </c>
      <c r="B365" s="10" t="s">
        <v>322</v>
      </c>
      <c r="C365" s="10" t="s">
        <v>323</v>
      </c>
      <c r="D365" s="10" t="s">
        <v>324</v>
      </c>
      <c r="E365" s="10" t="s">
        <v>325</v>
      </c>
      <c r="F365" s="10" t="s">
        <v>326</v>
      </c>
      <c r="G365" s="10" t="s">
        <v>327</v>
      </c>
      <c r="H365" s="10" t="s">
        <v>323</v>
      </c>
      <c r="I365" s="11">
        <v>45899</v>
      </c>
    </row>
    <row r="366" spans="1:9" x14ac:dyDescent="0.2">
      <c r="A366" s="10">
        <v>2281</v>
      </c>
      <c r="B366" s="10" t="s">
        <v>2221</v>
      </c>
      <c r="C366" s="10" t="s">
        <v>2222</v>
      </c>
      <c r="D366" s="10" t="s">
        <v>2223</v>
      </c>
      <c r="E366" s="10" t="s">
        <v>2224</v>
      </c>
      <c r="F366" s="10" t="s">
        <v>2225</v>
      </c>
      <c r="G366" s="10" t="s">
        <v>2226</v>
      </c>
      <c r="H366" s="10" t="s">
        <v>2222</v>
      </c>
      <c r="I366" s="11">
        <v>45865</v>
      </c>
    </row>
    <row r="367" spans="1:9" x14ac:dyDescent="0.2">
      <c r="A367" s="10">
        <v>3008</v>
      </c>
      <c r="B367" s="10" t="s">
        <v>5866</v>
      </c>
      <c r="C367" s="10" t="s">
        <v>5867</v>
      </c>
      <c r="D367" s="10" t="s">
        <v>5868</v>
      </c>
      <c r="E367" s="10" t="s">
        <v>5869</v>
      </c>
      <c r="F367" s="10" t="s">
        <v>5870</v>
      </c>
      <c r="G367" s="10" t="s">
        <v>5871</v>
      </c>
      <c r="H367" s="10" t="s">
        <v>5872</v>
      </c>
      <c r="I367" s="11">
        <v>45188</v>
      </c>
    </row>
    <row r="368" spans="1:9" x14ac:dyDescent="0.2">
      <c r="A368" s="10">
        <v>1618</v>
      </c>
      <c r="B368" s="10" t="s">
        <v>925</v>
      </c>
      <c r="C368" s="10" t="s">
        <v>35</v>
      </c>
      <c r="D368" s="10" t="s">
        <v>926</v>
      </c>
      <c r="E368" s="10" t="s">
        <v>927</v>
      </c>
      <c r="F368" s="10" t="s">
        <v>928</v>
      </c>
      <c r="G368" s="10" t="s">
        <v>929</v>
      </c>
      <c r="H368" s="10" t="s">
        <v>930</v>
      </c>
      <c r="I368" s="11">
        <v>44404</v>
      </c>
    </row>
    <row r="369" spans="1:9" x14ac:dyDescent="0.2">
      <c r="A369" s="10">
        <v>2153</v>
      </c>
      <c r="B369" s="10" t="s">
        <v>1958</v>
      </c>
      <c r="C369" s="10" t="s">
        <v>1959</v>
      </c>
      <c r="D369" s="10" t="s">
        <v>1960</v>
      </c>
      <c r="E369" s="10" t="s">
        <v>1961</v>
      </c>
      <c r="F369" s="10" t="s">
        <v>1962</v>
      </c>
      <c r="G369" s="10" t="s">
        <v>1963</v>
      </c>
      <c r="H369" s="10" t="s">
        <v>1964</v>
      </c>
      <c r="I369" s="11">
        <v>45614</v>
      </c>
    </row>
    <row r="370" spans="1:9" x14ac:dyDescent="0.2">
      <c r="A370" s="13">
        <v>3481</v>
      </c>
      <c r="B370" s="10" t="s">
        <v>8495</v>
      </c>
      <c r="C370" s="10" t="s">
        <v>8496</v>
      </c>
      <c r="D370" s="10" t="s">
        <v>3901</v>
      </c>
      <c r="E370" s="10" t="s">
        <v>8497</v>
      </c>
      <c r="F370" s="10" t="s">
        <v>8498</v>
      </c>
      <c r="G370" s="10" t="s">
        <v>8499</v>
      </c>
      <c r="H370" s="10" t="s">
        <v>8500</v>
      </c>
      <c r="I370" s="11">
        <v>45799</v>
      </c>
    </row>
    <row r="371" spans="1:9" x14ac:dyDescent="0.2">
      <c r="A371" s="10">
        <v>2496</v>
      </c>
      <c r="B371" s="10" t="s">
        <v>3081</v>
      </c>
      <c r="C371" s="10" t="s">
        <v>3082</v>
      </c>
      <c r="D371" s="10" t="s">
        <v>3083</v>
      </c>
      <c r="E371" s="10" t="s">
        <v>3084</v>
      </c>
      <c r="F371" s="10" t="s">
        <v>3085</v>
      </c>
      <c r="G371" s="10" t="s">
        <v>3086</v>
      </c>
      <c r="H371" s="10" t="s">
        <v>3087</v>
      </c>
      <c r="I371" s="11">
        <v>44340</v>
      </c>
    </row>
    <row r="372" spans="1:9" x14ac:dyDescent="0.2">
      <c r="A372" s="10">
        <v>2710</v>
      </c>
      <c r="B372" s="10" t="s">
        <v>4204</v>
      </c>
      <c r="C372" s="10" t="s">
        <v>4205</v>
      </c>
      <c r="D372" s="10" t="s">
        <v>4206</v>
      </c>
      <c r="E372" s="10" t="s">
        <v>4207</v>
      </c>
      <c r="F372" s="10" t="s">
        <v>4208</v>
      </c>
      <c r="G372" s="10" t="s">
        <v>4209</v>
      </c>
      <c r="H372" s="10" t="s">
        <v>4205</v>
      </c>
      <c r="I372" s="11">
        <v>44714</v>
      </c>
    </row>
    <row r="373" spans="1:9" x14ac:dyDescent="0.2">
      <c r="A373" s="10">
        <v>2336</v>
      </c>
      <c r="B373" s="10" t="s">
        <v>2338</v>
      </c>
      <c r="C373" s="10" t="s">
        <v>2339</v>
      </c>
      <c r="D373" s="10" t="s">
        <v>433</v>
      </c>
      <c r="E373" s="10" t="s">
        <v>2340</v>
      </c>
      <c r="F373" s="10" t="s">
        <v>2341</v>
      </c>
      <c r="G373" s="10" t="s">
        <v>2342</v>
      </c>
      <c r="H373" s="10" t="s">
        <v>2339</v>
      </c>
      <c r="I373" s="11">
        <v>45952</v>
      </c>
    </row>
    <row r="374" spans="1:9" x14ac:dyDescent="0.2">
      <c r="A374" s="10">
        <v>3157</v>
      </c>
      <c r="B374" s="10" t="s">
        <v>6684</v>
      </c>
      <c r="C374" s="10" t="s">
        <v>6685</v>
      </c>
      <c r="D374" s="10" t="s">
        <v>6686</v>
      </c>
      <c r="E374" s="10" t="s">
        <v>6687</v>
      </c>
      <c r="F374" s="10" t="s">
        <v>6688</v>
      </c>
      <c r="G374" s="10" t="s">
        <v>6689</v>
      </c>
      <c r="H374" s="10" t="s">
        <v>6690</v>
      </c>
      <c r="I374" s="11">
        <v>45372</v>
      </c>
    </row>
    <row r="375" spans="1:9" x14ac:dyDescent="0.2">
      <c r="A375" s="10">
        <v>1220</v>
      </c>
      <c r="B375" s="10" t="s">
        <v>545</v>
      </c>
      <c r="C375" s="10" t="s">
        <v>546</v>
      </c>
      <c r="D375" s="10" t="s">
        <v>547</v>
      </c>
      <c r="E375" s="10" t="s">
        <v>548</v>
      </c>
      <c r="F375" s="10" t="s">
        <v>549</v>
      </c>
      <c r="G375" s="10" t="s">
        <v>550</v>
      </c>
      <c r="H375" s="10" t="s">
        <v>551</v>
      </c>
      <c r="I375" s="11">
        <v>45143</v>
      </c>
    </row>
    <row r="376" spans="1:9" x14ac:dyDescent="0.2">
      <c r="A376" s="10">
        <v>2727</v>
      </c>
      <c r="B376" s="10" t="s">
        <v>4290</v>
      </c>
      <c r="C376" s="10" t="s">
        <v>35</v>
      </c>
      <c r="D376" s="10" t="s">
        <v>4291</v>
      </c>
      <c r="E376" s="10" t="s">
        <v>4292</v>
      </c>
      <c r="F376" s="10" t="s">
        <v>4293</v>
      </c>
      <c r="G376" s="10" t="s">
        <v>4294</v>
      </c>
      <c r="H376" s="10" t="s">
        <v>4295</v>
      </c>
      <c r="I376" s="11">
        <v>44732</v>
      </c>
    </row>
    <row r="377" spans="1:9" x14ac:dyDescent="0.2">
      <c r="A377" s="10">
        <v>3347</v>
      </c>
      <c r="B377" s="10" t="s">
        <v>7734</v>
      </c>
      <c r="C377" s="10" t="s">
        <v>7735</v>
      </c>
      <c r="D377" s="10" t="s">
        <v>98</v>
      </c>
      <c r="E377" s="10" t="s">
        <v>7736</v>
      </c>
      <c r="F377" s="10" t="s">
        <v>7737</v>
      </c>
      <c r="G377" s="10" t="s">
        <v>7738</v>
      </c>
      <c r="H377" s="10" t="s">
        <v>7735</v>
      </c>
      <c r="I377" s="11">
        <v>45624</v>
      </c>
    </row>
    <row r="378" spans="1:9" x14ac:dyDescent="0.2">
      <c r="A378" s="10">
        <v>2665</v>
      </c>
      <c r="B378" s="10" t="s">
        <v>3968</v>
      </c>
      <c r="C378" s="10" t="s">
        <v>3969</v>
      </c>
      <c r="D378" s="10" t="s">
        <v>2309</v>
      </c>
      <c r="E378" s="10" t="s">
        <v>3970</v>
      </c>
      <c r="F378" s="10" t="s">
        <v>3971</v>
      </c>
      <c r="G378" s="10" t="s">
        <v>3972</v>
      </c>
      <c r="H378" s="10" t="s">
        <v>3973</v>
      </c>
      <c r="I378" s="11">
        <v>44651</v>
      </c>
    </row>
    <row r="379" spans="1:9" x14ac:dyDescent="0.2">
      <c r="A379" s="10">
        <v>1778</v>
      </c>
      <c r="B379" s="10" t="s">
        <v>1254</v>
      </c>
      <c r="C379" s="10" t="s">
        <v>1255</v>
      </c>
      <c r="D379" s="10" t="s">
        <v>1256</v>
      </c>
      <c r="E379" s="10" t="s">
        <v>1257</v>
      </c>
      <c r="F379" s="10" t="s">
        <v>1258</v>
      </c>
      <c r="G379" s="10" t="s">
        <v>1259</v>
      </c>
      <c r="H379" s="10" t="s">
        <v>1260</v>
      </c>
      <c r="I379" s="11">
        <v>44780</v>
      </c>
    </row>
    <row r="380" spans="1:9" x14ac:dyDescent="0.2">
      <c r="A380" s="10">
        <v>2629</v>
      </c>
      <c r="B380" s="10" t="s">
        <v>3779</v>
      </c>
      <c r="C380" s="10" t="s">
        <v>3780</v>
      </c>
      <c r="D380" s="10" t="s">
        <v>3781</v>
      </c>
      <c r="E380" s="10" t="s">
        <v>3782</v>
      </c>
      <c r="F380" s="10" t="s">
        <v>3783</v>
      </c>
      <c r="G380" s="10" t="s">
        <v>3784</v>
      </c>
      <c r="H380" s="10" t="s">
        <v>3780</v>
      </c>
      <c r="I380" s="11">
        <v>44585</v>
      </c>
    </row>
    <row r="381" spans="1:9" x14ac:dyDescent="0.2">
      <c r="A381" s="10">
        <v>2167</v>
      </c>
      <c r="B381" s="10" t="s">
        <v>1991</v>
      </c>
      <c r="C381" s="10" t="s">
        <v>1992</v>
      </c>
      <c r="D381" s="10" t="s">
        <v>1993</v>
      </c>
      <c r="E381" s="10" t="s">
        <v>1994</v>
      </c>
      <c r="F381" s="10" t="s">
        <v>1995</v>
      </c>
      <c r="G381" s="10" t="s">
        <v>1996</v>
      </c>
      <c r="H381" s="10" t="s">
        <v>1997</v>
      </c>
      <c r="I381" s="11">
        <v>45652</v>
      </c>
    </row>
    <row r="382" spans="1:9" x14ac:dyDescent="0.2">
      <c r="A382" s="10">
        <v>2649</v>
      </c>
      <c r="B382" s="10" t="s">
        <v>3882</v>
      </c>
      <c r="C382" s="10" t="s">
        <v>3883</v>
      </c>
      <c r="D382" s="10" t="s">
        <v>1974</v>
      </c>
      <c r="E382" s="10" t="s">
        <v>3884</v>
      </c>
      <c r="F382" s="10" t="s">
        <v>3885</v>
      </c>
      <c r="G382" s="10" t="s">
        <v>3886</v>
      </c>
      <c r="H382" s="10" t="s">
        <v>3883</v>
      </c>
      <c r="I382" s="11">
        <v>44613</v>
      </c>
    </row>
    <row r="383" spans="1:9" x14ac:dyDescent="0.2">
      <c r="A383" s="10">
        <v>3282</v>
      </c>
      <c r="B383" s="10" t="s">
        <v>7354</v>
      </c>
      <c r="C383" s="10" t="s">
        <v>7355</v>
      </c>
      <c r="D383" s="10" t="s">
        <v>6245</v>
      </c>
      <c r="E383" s="10" t="s">
        <v>7356</v>
      </c>
      <c r="F383" s="10" t="s">
        <v>7357</v>
      </c>
      <c r="G383" s="10" t="s">
        <v>7358</v>
      </c>
      <c r="H383" s="10" t="s">
        <v>7355</v>
      </c>
      <c r="I383" s="11">
        <v>45552</v>
      </c>
    </row>
    <row r="384" spans="1:9" x14ac:dyDescent="0.2">
      <c r="A384" s="10">
        <v>3187</v>
      </c>
      <c r="B384" s="10" t="s">
        <v>6838</v>
      </c>
      <c r="C384" s="10" t="s">
        <v>6839</v>
      </c>
      <c r="D384" s="10" t="s">
        <v>6751</v>
      </c>
      <c r="E384" s="10" t="s">
        <v>6840</v>
      </c>
      <c r="F384" s="10" t="s">
        <v>6841</v>
      </c>
      <c r="G384" s="10" t="s">
        <v>6842</v>
      </c>
      <c r="H384" s="10" t="s">
        <v>6843</v>
      </c>
      <c r="I384" s="11">
        <v>45404</v>
      </c>
    </row>
    <row r="385" spans="1:9" x14ac:dyDescent="0.2">
      <c r="A385" s="10">
        <v>3117</v>
      </c>
      <c r="B385" s="10" t="s">
        <v>5852</v>
      </c>
      <c r="C385" s="10" t="s">
        <v>6480</v>
      </c>
      <c r="D385" s="10" t="s">
        <v>1574</v>
      </c>
      <c r="E385" s="10" t="s">
        <v>6481</v>
      </c>
      <c r="F385" s="10" t="s">
        <v>6482</v>
      </c>
      <c r="G385" s="10" t="s">
        <v>6483</v>
      </c>
      <c r="H385" s="10" t="s">
        <v>6484</v>
      </c>
      <c r="I385" s="11">
        <v>45320</v>
      </c>
    </row>
    <row r="386" spans="1:9" x14ac:dyDescent="0.2">
      <c r="A386" s="10">
        <v>1708</v>
      </c>
      <c r="B386" s="10" t="s">
        <v>1104</v>
      </c>
      <c r="C386" s="10" t="s">
        <v>1105</v>
      </c>
      <c r="D386" s="10" t="s">
        <v>1106</v>
      </c>
      <c r="E386" s="10" t="s">
        <v>1107</v>
      </c>
      <c r="F386" s="10" t="s">
        <v>1108</v>
      </c>
      <c r="G386" s="10" t="s">
        <v>1109</v>
      </c>
      <c r="H386" s="10" t="s">
        <v>1110</v>
      </c>
      <c r="I386" s="11">
        <v>44626</v>
      </c>
    </row>
    <row r="387" spans="1:9" x14ac:dyDescent="0.2">
      <c r="A387" s="10">
        <v>3042</v>
      </c>
      <c r="B387" s="10" t="s">
        <v>6058</v>
      </c>
      <c r="C387" s="10" t="s">
        <v>6059</v>
      </c>
      <c r="D387" s="10" t="s">
        <v>4789</v>
      </c>
      <c r="E387" s="10" t="s">
        <v>6060</v>
      </c>
      <c r="F387" s="10" t="s">
        <v>6061</v>
      </c>
      <c r="G387" s="10" t="s">
        <v>6062</v>
      </c>
      <c r="H387" s="10" t="s">
        <v>6063</v>
      </c>
      <c r="I387" s="11">
        <v>45236</v>
      </c>
    </row>
    <row r="388" spans="1:9" x14ac:dyDescent="0.2">
      <c r="A388" s="10">
        <v>2352</v>
      </c>
      <c r="B388" s="10" t="s">
        <v>2363</v>
      </c>
      <c r="C388" s="10" t="s">
        <v>2364</v>
      </c>
      <c r="D388" s="10" t="s">
        <v>2365</v>
      </c>
      <c r="E388" s="10" t="s">
        <v>2366</v>
      </c>
      <c r="F388" s="10" t="s">
        <v>2367</v>
      </c>
      <c r="G388" s="10" t="s">
        <v>2368</v>
      </c>
      <c r="H388" s="10" t="s">
        <v>2369</v>
      </c>
      <c r="I388" s="11">
        <v>45973</v>
      </c>
    </row>
    <row r="389" spans="1:9" x14ac:dyDescent="0.2">
      <c r="A389" s="13">
        <v>3411</v>
      </c>
      <c r="B389" s="10" t="s">
        <v>8104</v>
      </c>
      <c r="C389" s="10" t="s">
        <v>35</v>
      </c>
      <c r="D389" s="10" t="s">
        <v>8105</v>
      </c>
      <c r="E389" s="10" t="s">
        <v>8106</v>
      </c>
      <c r="F389" s="10" t="s">
        <v>8107</v>
      </c>
      <c r="G389" s="10" t="s">
        <v>8108</v>
      </c>
      <c r="H389" s="10" t="s">
        <v>8109</v>
      </c>
      <c r="I389" s="11">
        <v>45708</v>
      </c>
    </row>
    <row r="390" spans="1:9" x14ac:dyDescent="0.2">
      <c r="A390" s="10">
        <v>1897</v>
      </c>
      <c r="B390" s="10" t="s">
        <v>1504</v>
      </c>
      <c r="C390" s="10" t="s">
        <v>1505</v>
      </c>
      <c r="D390" s="10" t="s">
        <v>1506</v>
      </c>
      <c r="E390" s="10" t="s">
        <v>1507</v>
      </c>
      <c r="F390" s="10" t="s">
        <v>1508</v>
      </c>
      <c r="G390" s="10" t="s">
        <v>1509</v>
      </c>
      <c r="H390" s="10" t="s">
        <v>1510</v>
      </c>
      <c r="I390" s="11">
        <v>45047</v>
      </c>
    </row>
    <row r="391" spans="1:9" x14ac:dyDescent="0.2">
      <c r="A391" s="13">
        <v>3496</v>
      </c>
      <c r="B391" s="10" t="s">
        <v>8574</v>
      </c>
      <c r="C391" s="10" t="s">
        <v>8575</v>
      </c>
      <c r="D391" s="10" t="s">
        <v>4990</v>
      </c>
      <c r="E391" s="10" t="s">
        <v>8576</v>
      </c>
      <c r="F391" s="10" t="s">
        <v>8577</v>
      </c>
      <c r="G391" s="10" t="s">
        <v>8578</v>
      </c>
      <c r="H391" s="10" t="s">
        <v>8579</v>
      </c>
      <c r="I391" s="11">
        <v>45827</v>
      </c>
    </row>
    <row r="392" spans="1:9" x14ac:dyDescent="0.2">
      <c r="A392" s="10">
        <v>2987</v>
      </c>
      <c r="B392" s="10" t="s">
        <v>5736</v>
      </c>
      <c r="C392" s="10" t="s">
        <v>5737</v>
      </c>
      <c r="D392" s="10" t="s">
        <v>5738</v>
      </c>
      <c r="E392" s="10" t="s">
        <v>5739</v>
      </c>
      <c r="F392" s="10" t="s">
        <v>5740</v>
      </c>
      <c r="G392" s="10" t="s">
        <v>5741</v>
      </c>
      <c r="H392" s="10" t="s">
        <v>5742</v>
      </c>
      <c r="I392" s="11">
        <v>45155</v>
      </c>
    </row>
    <row r="393" spans="1:9" x14ac:dyDescent="0.2">
      <c r="A393" s="10">
        <v>2244</v>
      </c>
      <c r="B393" s="10" t="s">
        <v>2141</v>
      </c>
      <c r="C393" s="10" t="s">
        <v>2142</v>
      </c>
      <c r="D393" s="10" t="s">
        <v>2143</v>
      </c>
      <c r="E393" s="10" t="s">
        <v>2144</v>
      </c>
      <c r="F393" s="10" t="s">
        <v>2145</v>
      </c>
      <c r="G393" s="10" t="s">
        <v>2146</v>
      </c>
      <c r="H393" s="10" t="s">
        <v>2142</v>
      </c>
      <c r="I393" s="11">
        <v>45788</v>
      </c>
    </row>
    <row r="394" spans="1:9" x14ac:dyDescent="0.2">
      <c r="A394" s="10">
        <v>3138</v>
      </c>
      <c r="B394" s="10" t="s">
        <v>6576</v>
      </c>
      <c r="C394" s="10" t="s">
        <v>6577</v>
      </c>
      <c r="D394" s="10" t="s">
        <v>391</v>
      </c>
      <c r="E394" s="10" t="s">
        <v>6578</v>
      </c>
      <c r="F394" s="10" t="s">
        <v>6579</v>
      </c>
      <c r="G394" s="10" t="s">
        <v>6580</v>
      </c>
      <c r="H394" s="10" t="s">
        <v>6577</v>
      </c>
      <c r="I394" s="11">
        <v>45348</v>
      </c>
    </row>
    <row r="395" spans="1:9" x14ac:dyDescent="0.2">
      <c r="A395" s="13">
        <v>3447</v>
      </c>
      <c r="B395" s="10" t="s">
        <v>8305</v>
      </c>
      <c r="C395" s="10" t="s">
        <v>8306</v>
      </c>
      <c r="D395" s="10" t="s">
        <v>8307</v>
      </c>
      <c r="E395" s="10" t="s">
        <v>8308</v>
      </c>
      <c r="F395" s="10" t="s">
        <v>8309</v>
      </c>
      <c r="G395" s="10" t="s">
        <v>8310</v>
      </c>
      <c r="H395" s="10" t="s">
        <v>8311</v>
      </c>
      <c r="I395" s="11">
        <v>45775</v>
      </c>
    </row>
    <row r="396" spans="1:9" x14ac:dyDescent="0.2">
      <c r="A396" s="13">
        <v>3459</v>
      </c>
      <c r="B396" s="10" t="s">
        <v>8370</v>
      </c>
      <c r="C396" s="10" t="s">
        <v>8371</v>
      </c>
      <c r="D396" s="10" t="s">
        <v>6112</v>
      </c>
      <c r="E396" s="10" t="s">
        <v>8372</v>
      </c>
      <c r="F396" s="10" t="s">
        <v>8373</v>
      </c>
      <c r="G396" s="10" t="s">
        <v>8374</v>
      </c>
      <c r="H396" s="10" t="s">
        <v>8375</v>
      </c>
      <c r="I396" s="11">
        <v>45775</v>
      </c>
    </row>
    <row r="397" spans="1:9" x14ac:dyDescent="0.2">
      <c r="A397" s="14">
        <v>3598</v>
      </c>
      <c r="B397" s="15" t="s">
        <v>9149</v>
      </c>
      <c r="C397" s="10" t="s">
        <v>9150</v>
      </c>
      <c r="D397" s="15" t="s">
        <v>1960</v>
      </c>
      <c r="E397" s="10" t="s">
        <v>9151</v>
      </c>
      <c r="F397" s="10" t="s">
        <v>9152</v>
      </c>
      <c r="G397" s="10" t="s">
        <v>9153</v>
      </c>
      <c r="H397" s="10" t="s">
        <v>9154</v>
      </c>
      <c r="I397" s="11">
        <v>45978</v>
      </c>
    </row>
    <row r="398" spans="1:9" x14ac:dyDescent="0.2">
      <c r="A398" s="14">
        <v>3566</v>
      </c>
      <c r="B398" s="15" t="s">
        <v>8979</v>
      </c>
      <c r="C398" s="10" t="s">
        <v>8980</v>
      </c>
      <c r="D398" s="15" t="s">
        <v>8981</v>
      </c>
      <c r="E398" s="10" t="s">
        <v>8982</v>
      </c>
      <c r="F398" s="10" t="s">
        <v>8983</v>
      </c>
      <c r="G398" s="10" t="s">
        <v>8984</v>
      </c>
      <c r="H398" s="10" t="s">
        <v>8980</v>
      </c>
      <c r="I398" s="11">
        <v>45918</v>
      </c>
    </row>
    <row r="399" spans="1:9" x14ac:dyDescent="0.2">
      <c r="A399" s="10">
        <v>1239</v>
      </c>
      <c r="B399" s="10" t="s">
        <v>566</v>
      </c>
      <c r="C399" s="10" t="s">
        <v>567</v>
      </c>
      <c r="D399" s="10" t="s">
        <v>568</v>
      </c>
      <c r="E399" s="10" t="s">
        <v>569</v>
      </c>
      <c r="F399" s="10" t="s">
        <v>570</v>
      </c>
      <c r="G399" s="10" t="s">
        <v>571</v>
      </c>
      <c r="H399" s="10" t="s">
        <v>567</v>
      </c>
      <c r="I399" s="11">
        <v>45227</v>
      </c>
    </row>
    <row r="400" spans="1:9" x14ac:dyDescent="0.2">
      <c r="A400" s="10">
        <v>2709</v>
      </c>
      <c r="B400" s="10" t="s">
        <v>4198</v>
      </c>
      <c r="C400" s="10" t="s">
        <v>4199</v>
      </c>
      <c r="D400" s="10" t="s">
        <v>4200</v>
      </c>
      <c r="E400" s="10" t="s">
        <v>4201</v>
      </c>
      <c r="F400" s="10" t="s">
        <v>4202</v>
      </c>
      <c r="G400" s="10" t="s">
        <v>4203</v>
      </c>
      <c r="H400" s="10" t="s">
        <v>4199</v>
      </c>
      <c r="I400" s="11">
        <v>44711</v>
      </c>
    </row>
    <row r="401" spans="1:9" x14ac:dyDescent="0.2">
      <c r="A401" s="10">
        <v>3290</v>
      </c>
      <c r="B401" s="10" t="s">
        <v>7400</v>
      </c>
      <c r="C401" s="10" t="s">
        <v>7401</v>
      </c>
      <c r="D401" s="10" t="s">
        <v>7402</v>
      </c>
      <c r="E401" s="10" t="s">
        <v>7403</v>
      </c>
      <c r="F401" s="10" t="s">
        <v>7404</v>
      </c>
      <c r="G401" s="10" t="s">
        <v>7405</v>
      </c>
      <c r="H401" s="10" t="s">
        <v>7401</v>
      </c>
      <c r="I401" s="11">
        <v>45568</v>
      </c>
    </row>
    <row r="402" spans="1:9" x14ac:dyDescent="0.2">
      <c r="A402" s="10">
        <v>3129</v>
      </c>
      <c r="B402" s="10" t="s">
        <v>6535</v>
      </c>
      <c r="C402" s="10" t="s">
        <v>6536</v>
      </c>
      <c r="D402" s="10" t="s">
        <v>1626</v>
      </c>
      <c r="E402" s="10" t="s">
        <v>6537</v>
      </c>
      <c r="F402" s="10" t="s">
        <v>6538</v>
      </c>
      <c r="G402" s="10" t="s">
        <v>6539</v>
      </c>
      <c r="H402" s="10" t="s">
        <v>6536</v>
      </c>
      <c r="I402" s="11">
        <v>45330</v>
      </c>
    </row>
    <row r="403" spans="1:9" x14ac:dyDescent="0.2">
      <c r="A403" s="10">
        <v>3271</v>
      </c>
      <c r="B403" s="10" t="s">
        <v>7290</v>
      </c>
      <c r="C403" s="10" t="s">
        <v>7291</v>
      </c>
      <c r="D403" s="10" t="s">
        <v>7292</v>
      </c>
      <c r="E403" s="10" t="s">
        <v>7293</v>
      </c>
      <c r="F403" s="10" t="s">
        <v>7294</v>
      </c>
      <c r="G403" s="10" t="s">
        <v>7295</v>
      </c>
      <c r="H403" s="10" t="s">
        <v>7296</v>
      </c>
      <c r="I403" s="11">
        <v>45523</v>
      </c>
    </row>
    <row r="404" spans="1:9" x14ac:dyDescent="0.2">
      <c r="A404" s="14">
        <v>3596</v>
      </c>
      <c r="B404" s="15" t="s">
        <v>9137</v>
      </c>
      <c r="C404" s="10" t="s">
        <v>9138</v>
      </c>
      <c r="D404" s="15" t="s">
        <v>9139</v>
      </c>
      <c r="E404" s="10" t="s">
        <v>9140</v>
      </c>
      <c r="F404" s="10" t="s">
        <v>9141</v>
      </c>
      <c r="G404" s="10" t="s">
        <v>9142</v>
      </c>
      <c r="H404" s="10" t="s">
        <v>8084</v>
      </c>
      <c r="I404" s="11">
        <v>45957</v>
      </c>
    </row>
    <row r="405" spans="1:9" x14ac:dyDescent="0.2">
      <c r="A405" s="10">
        <v>3370</v>
      </c>
      <c r="B405" s="10" t="s">
        <v>7876</v>
      </c>
      <c r="C405" s="10" t="s">
        <v>7877</v>
      </c>
      <c r="D405" s="10" t="s">
        <v>6028</v>
      </c>
      <c r="E405" s="10" t="s">
        <v>6029</v>
      </c>
      <c r="F405" s="10" t="s">
        <v>7878</v>
      </c>
      <c r="G405" s="10" t="s">
        <v>7879</v>
      </c>
      <c r="H405" s="10" t="s">
        <v>7880</v>
      </c>
      <c r="I405" s="12">
        <v>45649</v>
      </c>
    </row>
    <row r="406" spans="1:9" x14ac:dyDescent="0.2">
      <c r="A406" s="10">
        <v>1702</v>
      </c>
      <c r="B406" s="10" t="s">
        <v>1086</v>
      </c>
      <c r="C406" s="10" t="s">
        <v>1087</v>
      </c>
      <c r="D406" s="10" t="s">
        <v>547</v>
      </c>
      <c r="E406" s="10" t="s">
        <v>1088</v>
      </c>
      <c r="F406" s="10" t="s">
        <v>1089</v>
      </c>
      <c r="G406" s="10" t="s">
        <v>1090</v>
      </c>
      <c r="H406" s="10" t="s">
        <v>1087</v>
      </c>
      <c r="I406" s="11">
        <v>44619</v>
      </c>
    </row>
    <row r="407" spans="1:9" x14ac:dyDescent="0.2">
      <c r="A407" s="10">
        <v>2748</v>
      </c>
      <c r="B407" s="10" t="s">
        <v>4406</v>
      </c>
      <c r="C407" s="10" t="s">
        <v>4407</v>
      </c>
      <c r="D407" s="10" t="s">
        <v>4408</v>
      </c>
      <c r="E407" s="10" t="s">
        <v>4409</v>
      </c>
      <c r="F407" s="10" t="s">
        <v>4410</v>
      </c>
      <c r="G407" s="10" t="s">
        <v>4411</v>
      </c>
      <c r="H407" s="10" t="s">
        <v>4412</v>
      </c>
      <c r="I407" s="11">
        <v>44753</v>
      </c>
    </row>
    <row r="408" spans="1:9" x14ac:dyDescent="0.2">
      <c r="A408" s="10">
        <v>1249</v>
      </c>
      <c r="B408" s="10" t="s">
        <v>578</v>
      </c>
      <c r="C408" s="10" t="s">
        <v>35</v>
      </c>
      <c r="D408" s="10" t="s">
        <v>579</v>
      </c>
      <c r="E408" s="10" t="s">
        <v>580</v>
      </c>
      <c r="F408" s="10" t="s">
        <v>581</v>
      </c>
      <c r="G408" s="10" t="s">
        <v>582</v>
      </c>
      <c r="H408" s="10" t="s">
        <v>583</v>
      </c>
      <c r="I408" s="11">
        <v>45279</v>
      </c>
    </row>
    <row r="409" spans="1:9" x14ac:dyDescent="0.2">
      <c r="A409" s="10">
        <v>1887</v>
      </c>
      <c r="B409" s="10" t="s">
        <v>1466</v>
      </c>
      <c r="C409" s="10" t="s">
        <v>1467</v>
      </c>
      <c r="D409" s="10" t="s">
        <v>1361</v>
      </c>
      <c r="E409" s="10" t="s">
        <v>1468</v>
      </c>
      <c r="F409" s="10" t="s">
        <v>1469</v>
      </c>
      <c r="G409" s="10" t="s">
        <v>1470</v>
      </c>
      <c r="H409" s="10" t="s">
        <v>1467</v>
      </c>
      <c r="I409" s="11">
        <v>45025</v>
      </c>
    </row>
    <row r="410" spans="1:9" x14ac:dyDescent="0.2">
      <c r="A410" s="10">
        <v>2322</v>
      </c>
      <c r="B410" s="10" t="s">
        <v>2308</v>
      </c>
      <c r="C410" s="10" t="s">
        <v>35</v>
      </c>
      <c r="D410" s="10" t="s">
        <v>2309</v>
      </c>
      <c r="E410" s="10" t="s">
        <v>2310</v>
      </c>
      <c r="F410" s="10" t="s">
        <v>2311</v>
      </c>
      <c r="G410" s="10" t="s">
        <v>2312</v>
      </c>
      <c r="H410" s="10" t="s">
        <v>2313</v>
      </c>
      <c r="I410" s="11">
        <v>45928</v>
      </c>
    </row>
    <row r="411" spans="1:9" x14ac:dyDescent="0.2">
      <c r="A411" s="10">
        <v>2482</v>
      </c>
      <c r="B411" s="10" t="s">
        <v>3003</v>
      </c>
      <c r="C411" s="10" t="s">
        <v>3004</v>
      </c>
      <c r="D411" s="10" t="s">
        <v>3005</v>
      </c>
      <c r="E411" s="10" t="s">
        <v>3006</v>
      </c>
      <c r="F411" s="10" t="s">
        <v>3007</v>
      </c>
      <c r="G411" s="10" t="s">
        <v>3008</v>
      </c>
      <c r="H411" s="10" t="s">
        <v>3004</v>
      </c>
      <c r="I411" s="11">
        <v>44312</v>
      </c>
    </row>
    <row r="412" spans="1:9" x14ac:dyDescent="0.2">
      <c r="A412" s="10">
        <v>2570</v>
      </c>
      <c r="B412" s="10" t="s">
        <v>3460</v>
      </c>
      <c r="C412" s="10" t="s">
        <v>3461</v>
      </c>
      <c r="D412" s="10" t="s">
        <v>391</v>
      </c>
      <c r="E412" s="10" t="s">
        <v>3462</v>
      </c>
      <c r="F412" s="10" t="s">
        <v>3463</v>
      </c>
      <c r="G412" s="10" t="s">
        <v>3008</v>
      </c>
      <c r="H412" s="10" t="s">
        <v>3461</v>
      </c>
      <c r="I412" s="11">
        <v>44487</v>
      </c>
    </row>
    <row r="413" spans="1:9" x14ac:dyDescent="0.2">
      <c r="A413" s="10">
        <v>2426</v>
      </c>
      <c r="B413" s="10" t="s">
        <v>2717</v>
      </c>
      <c r="C413" s="10" t="s">
        <v>2718</v>
      </c>
      <c r="D413" s="10" t="s">
        <v>2719</v>
      </c>
      <c r="E413" s="10" t="s">
        <v>2720</v>
      </c>
      <c r="F413" s="10" t="s">
        <v>2721</v>
      </c>
      <c r="G413" s="10" t="s">
        <v>2722</v>
      </c>
      <c r="H413" s="10" t="s">
        <v>2718</v>
      </c>
      <c r="I413" s="11">
        <v>44270</v>
      </c>
    </row>
    <row r="414" spans="1:9" x14ac:dyDescent="0.2">
      <c r="A414" s="10">
        <v>354</v>
      </c>
      <c r="B414" s="10" t="s">
        <v>123</v>
      </c>
      <c r="C414" s="10" t="s">
        <v>124</v>
      </c>
      <c r="D414" s="10" t="s">
        <v>125</v>
      </c>
      <c r="E414" s="10" t="s">
        <v>126</v>
      </c>
      <c r="F414" s="10" t="s">
        <v>127</v>
      </c>
      <c r="G414" s="10" t="s">
        <v>128</v>
      </c>
      <c r="H414" s="10" t="s">
        <v>124</v>
      </c>
      <c r="I414" s="11">
        <v>45137</v>
      </c>
    </row>
    <row r="415" spans="1:9" x14ac:dyDescent="0.2">
      <c r="A415" s="10">
        <v>1993</v>
      </c>
      <c r="B415" s="10" t="s">
        <v>1653</v>
      </c>
      <c r="C415" s="10" t="s">
        <v>1654</v>
      </c>
      <c r="D415" s="10" t="s">
        <v>1655</v>
      </c>
      <c r="E415" s="10" t="s">
        <v>1656</v>
      </c>
      <c r="F415" s="10" t="s">
        <v>1657</v>
      </c>
      <c r="G415" s="10" t="s">
        <v>1658</v>
      </c>
      <c r="H415" s="10" t="s">
        <v>1654</v>
      </c>
      <c r="I415" s="11">
        <v>45298</v>
      </c>
    </row>
    <row r="416" spans="1:9" x14ac:dyDescent="0.2">
      <c r="A416" s="13">
        <v>3487</v>
      </c>
      <c r="B416" s="10" t="s">
        <v>8527</v>
      </c>
      <c r="C416" s="10" t="s">
        <v>8528</v>
      </c>
      <c r="D416" s="10" t="s">
        <v>554</v>
      </c>
      <c r="E416" s="10" t="s">
        <v>8529</v>
      </c>
      <c r="F416" s="10" t="s">
        <v>8530</v>
      </c>
      <c r="G416" s="10" t="s">
        <v>8531</v>
      </c>
      <c r="H416" s="10" t="s">
        <v>8532</v>
      </c>
      <c r="I416" s="11">
        <v>45806</v>
      </c>
    </row>
    <row r="417" spans="1:9" x14ac:dyDescent="0.2">
      <c r="A417" s="10">
        <v>1893</v>
      </c>
      <c r="B417" s="10" t="s">
        <v>1491</v>
      </c>
      <c r="C417" s="10" t="s">
        <v>1492</v>
      </c>
      <c r="D417" s="10" t="s">
        <v>1493</v>
      </c>
      <c r="E417" s="10" t="s">
        <v>1494</v>
      </c>
      <c r="F417" s="10" t="s">
        <v>1495</v>
      </c>
      <c r="G417" s="10" t="s">
        <v>1496</v>
      </c>
      <c r="H417" s="10" t="s">
        <v>1492</v>
      </c>
      <c r="I417" s="11">
        <v>45047</v>
      </c>
    </row>
    <row r="418" spans="1:9" x14ac:dyDescent="0.2">
      <c r="A418" s="10">
        <v>189</v>
      </c>
      <c r="B418" s="10" t="s">
        <v>110</v>
      </c>
      <c r="C418" s="10" t="s">
        <v>111</v>
      </c>
      <c r="D418" s="10" t="s">
        <v>112</v>
      </c>
      <c r="E418" s="10" t="s">
        <v>113</v>
      </c>
      <c r="F418" s="10" t="s">
        <v>114</v>
      </c>
      <c r="G418" s="10" t="s">
        <v>115</v>
      </c>
      <c r="H418" s="10" t="s">
        <v>116</v>
      </c>
      <c r="I418" s="11">
        <v>44711</v>
      </c>
    </row>
    <row r="419" spans="1:9" x14ac:dyDescent="0.2">
      <c r="A419" s="10">
        <v>2116</v>
      </c>
      <c r="B419" s="10" t="s">
        <v>1877</v>
      </c>
      <c r="C419" s="10" t="s">
        <v>35</v>
      </c>
      <c r="D419" s="10" t="s">
        <v>433</v>
      </c>
      <c r="E419" s="10" t="s">
        <v>1878</v>
      </c>
      <c r="F419" s="10" t="s">
        <v>1879</v>
      </c>
      <c r="G419" s="10" t="s">
        <v>1880</v>
      </c>
      <c r="H419" s="10" t="s">
        <v>1881</v>
      </c>
      <c r="I419" s="11">
        <v>45530</v>
      </c>
    </row>
    <row r="420" spans="1:9" x14ac:dyDescent="0.2">
      <c r="A420" s="10">
        <v>2135</v>
      </c>
      <c r="B420" s="10" t="s">
        <v>1903</v>
      </c>
      <c r="C420" s="10" t="s">
        <v>1904</v>
      </c>
      <c r="D420" s="10" t="s">
        <v>1905</v>
      </c>
      <c r="E420" s="10" t="s">
        <v>1906</v>
      </c>
      <c r="F420" s="10" t="s">
        <v>1907</v>
      </c>
      <c r="G420" s="10" t="s">
        <v>1908</v>
      </c>
      <c r="H420" s="10" t="s">
        <v>1909</v>
      </c>
      <c r="I420" s="11">
        <v>45559</v>
      </c>
    </row>
    <row r="421" spans="1:9" x14ac:dyDescent="0.2">
      <c r="A421" s="10">
        <v>122</v>
      </c>
      <c r="B421" s="10" t="s">
        <v>78</v>
      </c>
      <c r="C421" s="10" t="s">
        <v>79</v>
      </c>
      <c r="D421" s="10" t="s">
        <v>80</v>
      </c>
      <c r="E421" s="10" t="s">
        <v>81</v>
      </c>
      <c r="F421" s="10" t="s">
        <v>82</v>
      </c>
      <c r="G421" s="10" t="s">
        <v>83</v>
      </c>
      <c r="H421" s="10" t="s">
        <v>79</v>
      </c>
      <c r="I421" s="11">
        <v>44551</v>
      </c>
    </row>
    <row r="422" spans="1:9" x14ac:dyDescent="0.2">
      <c r="A422" s="10">
        <v>2773</v>
      </c>
      <c r="B422" s="10" t="s">
        <v>4554</v>
      </c>
      <c r="C422" s="10" t="s">
        <v>4555</v>
      </c>
      <c r="D422" s="10" t="s">
        <v>4556</v>
      </c>
      <c r="E422" s="10" t="s">
        <v>4557</v>
      </c>
      <c r="F422" s="10" t="s">
        <v>4558</v>
      </c>
      <c r="G422" s="10" t="s">
        <v>4559</v>
      </c>
      <c r="H422" s="10" t="s">
        <v>4560</v>
      </c>
      <c r="I422" s="11">
        <v>44791</v>
      </c>
    </row>
    <row r="423" spans="1:9" x14ac:dyDescent="0.2">
      <c r="A423" s="10">
        <v>3326</v>
      </c>
      <c r="B423" s="10" t="s">
        <v>7612</v>
      </c>
      <c r="C423" s="10" t="s">
        <v>7613</v>
      </c>
      <c r="D423" s="10" t="s">
        <v>3901</v>
      </c>
      <c r="E423" s="10" t="s">
        <v>7614</v>
      </c>
      <c r="F423" s="10" t="s">
        <v>7615</v>
      </c>
      <c r="G423" s="10" t="s">
        <v>7616</v>
      </c>
      <c r="H423" s="10" t="s">
        <v>7613</v>
      </c>
      <c r="I423" s="11">
        <v>45593</v>
      </c>
    </row>
    <row r="424" spans="1:9" x14ac:dyDescent="0.2">
      <c r="A424" s="10">
        <v>2662</v>
      </c>
      <c r="B424" s="10" t="s">
        <v>3956</v>
      </c>
      <c r="C424" s="10" t="s">
        <v>3957</v>
      </c>
      <c r="D424" s="10" t="s">
        <v>3958</v>
      </c>
      <c r="E424" s="10" t="s">
        <v>3959</v>
      </c>
      <c r="F424" s="10" t="s">
        <v>3960</v>
      </c>
      <c r="G424" s="10" t="s">
        <v>3961</v>
      </c>
      <c r="H424" s="10" t="s">
        <v>3957</v>
      </c>
      <c r="I424" s="11">
        <v>44630</v>
      </c>
    </row>
    <row r="425" spans="1:9" x14ac:dyDescent="0.2">
      <c r="A425" s="10">
        <v>2898</v>
      </c>
      <c r="B425" s="10" t="s">
        <v>5253</v>
      </c>
      <c r="C425" s="10" t="s">
        <v>5254</v>
      </c>
      <c r="D425" s="10" t="s">
        <v>5255</v>
      </c>
      <c r="E425" s="10" t="s">
        <v>5256</v>
      </c>
      <c r="F425" s="10" t="s">
        <v>5257</v>
      </c>
      <c r="G425" s="10" t="s">
        <v>5258</v>
      </c>
      <c r="H425" s="10" t="s">
        <v>5254</v>
      </c>
      <c r="I425" s="11">
        <v>45022</v>
      </c>
    </row>
    <row r="426" spans="1:9" x14ac:dyDescent="0.2">
      <c r="A426" s="10">
        <v>1717</v>
      </c>
      <c r="B426" s="10" t="s">
        <v>1123</v>
      </c>
      <c r="C426" s="10" t="s">
        <v>1124</v>
      </c>
      <c r="D426" s="10" t="s">
        <v>1125</v>
      </c>
      <c r="E426" s="10" t="s">
        <v>1126</v>
      </c>
      <c r="F426" s="10" t="s">
        <v>1127</v>
      </c>
      <c r="G426" s="10" t="s">
        <v>1128</v>
      </c>
      <c r="H426" s="10" t="s">
        <v>1124</v>
      </c>
      <c r="I426" s="11">
        <v>44650</v>
      </c>
    </row>
    <row r="427" spans="1:9" x14ac:dyDescent="0.2">
      <c r="A427" s="10">
        <v>2106</v>
      </c>
      <c r="B427" s="10" t="s">
        <v>1852</v>
      </c>
      <c r="C427" s="10" t="s">
        <v>1853</v>
      </c>
      <c r="D427" s="10" t="s">
        <v>1854</v>
      </c>
      <c r="E427" s="10" t="s">
        <v>1855</v>
      </c>
      <c r="F427" s="10" t="s">
        <v>1856</v>
      </c>
      <c r="G427" s="10" t="s">
        <v>1857</v>
      </c>
      <c r="H427" s="10" t="s">
        <v>1853</v>
      </c>
      <c r="I427" s="11">
        <v>45502</v>
      </c>
    </row>
    <row r="428" spans="1:9" x14ac:dyDescent="0.2">
      <c r="A428" s="10">
        <v>1519</v>
      </c>
      <c r="B428" s="10" t="s">
        <v>762</v>
      </c>
      <c r="C428" s="10" t="s">
        <v>763</v>
      </c>
      <c r="D428" s="10" t="s">
        <v>764</v>
      </c>
      <c r="E428" s="10" t="s">
        <v>765</v>
      </c>
      <c r="F428" s="10" t="s">
        <v>766</v>
      </c>
      <c r="G428" s="10" t="s">
        <v>767</v>
      </c>
      <c r="H428" s="10" t="s">
        <v>763</v>
      </c>
      <c r="I428" s="11">
        <v>44208</v>
      </c>
    </row>
    <row r="429" spans="1:9" x14ac:dyDescent="0.2">
      <c r="A429" s="14">
        <v>3582</v>
      </c>
      <c r="B429" s="15" t="s">
        <v>9064</v>
      </c>
      <c r="C429" s="10" t="s">
        <v>35</v>
      </c>
      <c r="D429" s="15" t="s">
        <v>8442</v>
      </c>
      <c r="E429" s="10" t="s">
        <v>9065</v>
      </c>
      <c r="F429" s="10" t="s">
        <v>9066</v>
      </c>
      <c r="G429" s="10" t="s">
        <v>9067</v>
      </c>
      <c r="H429" s="10" t="s">
        <v>9068</v>
      </c>
      <c r="I429" s="11">
        <v>45965</v>
      </c>
    </row>
    <row r="430" spans="1:9" x14ac:dyDescent="0.2">
      <c r="A430" s="10">
        <v>2901</v>
      </c>
      <c r="B430" s="10" t="s">
        <v>5271</v>
      </c>
      <c r="C430" s="10" t="s">
        <v>5272</v>
      </c>
      <c r="D430" s="10" t="s">
        <v>5273</v>
      </c>
      <c r="E430" s="10" t="s">
        <v>5274</v>
      </c>
      <c r="F430" s="10" t="s">
        <v>5275</v>
      </c>
      <c r="G430" s="10" t="s">
        <v>5276</v>
      </c>
      <c r="H430" s="10" t="s">
        <v>5277</v>
      </c>
      <c r="I430" s="11">
        <v>45036</v>
      </c>
    </row>
    <row r="431" spans="1:9" x14ac:dyDescent="0.2">
      <c r="A431" s="10">
        <v>3136</v>
      </c>
      <c r="B431" s="10" t="s">
        <v>6570</v>
      </c>
      <c r="C431" s="10" t="s">
        <v>6571</v>
      </c>
      <c r="D431" s="10" t="s">
        <v>6572</v>
      </c>
      <c r="E431" s="10" t="s">
        <v>6573</v>
      </c>
      <c r="F431" s="10" t="s">
        <v>6574</v>
      </c>
      <c r="G431" s="10" t="s">
        <v>6575</v>
      </c>
      <c r="H431" s="10" t="s">
        <v>6571</v>
      </c>
      <c r="I431" s="11">
        <v>45344</v>
      </c>
    </row>
    <row r="432" spans="1:9" x14ac:dyDescent="0.2">
      <c r="A432" s="10">
        <v>539</v>
      </c>
      <c r="B432" s="10" t="s">
        <v>193</v>
      </c>
      <c r="C432" s="10" t="s">
        <v>194</v>
      </c>
      <c r="D432" s="10" t="s">
        <v>195</v>
      </c>
      <c r="E432" s="10" t="s">
        <v>196</v>
      </c>
      <c r="F432" s="10" t="s">
        <v>197</v>
      </c>
      <c r="G432" s="10" t="s">
        <v>198</v>
      </c>
      <c r="H432" s="10" t="s">
        <v>194</v>
      </c>
      <c r="I432" s="11">
        <v>44221</v>
      </c>
    </row>
    <row r="433" spans="1:9" x14ac:dyDescent="0.2">
      <c r="A433" s="10">
        <v>3333</v>
      </c>
      <c r="B433" s="10" t="s">
        <v>7652</v>
      </c>
      <c r="C433" s="10" t="s">
        <v>7653</v>
      </c>
      <c r="D433" s="10" t="s">
        <v>3901</v>
      </c>
      <c r="E433" s="10" t="s">
        <v>7654</v>
      </c>
      <c r="F433" s="10" t="s">
        <v>7655</v>
      </c>
      <c r="G433" s="10" t="s">
        <v>7656</v>
      </c>
      <c r="H433" s="10" t="s">
        <v>7653</v>
      </c>
      <c r="I433" s="11">
        <v>45617</v>
      </c>
    </row>
    <row r="434" spans="1:9" x14ac:dyDescent="0.2">
      <c r="A434" s="13">
        <v>3448</v>
      </c>
      <c r="B434" s="10" t="s">
        <v>8312</v>
      </c>
      <c r="C434" s="10" t="s">
        <v>8313</v>
      </c>
      <c r="D434" s="10" t="s">
        <v>8314</v>
      </c>
      <c r="E434" s="10" t="s">
        <v>8315</v>
      </c>
      <c r="F434" s="10" t="s">
        <v>8316</v>
      </c>
      <c r="G434" s="10" t="s">
        <v>8317</v>
      </c>
      <c r="H434" s="10" t="s">
        <v>8318</v>
      </c>
      <c r="I434" s="11">
        <v>45775</v>
      </c>
    </row>
    <row r="435" spans="1:9" x14ac:dyDescent="0.2">
      <c r="A435" s="10">
        <v>2586</v>
      </c>
      <c r="B435" s="10" t="s">
        <v>3542</v>
      </c>
      <c r="C435" s="10" t="s">
        <v>3543</v>
      </c>
      <c r="D435" s="10" t="s">
        <v>1186</v>
      </c>
      <c r="E435" s="10" t="s">
        <v>3544</v>
      </c>
      <c r="F435" s="10" t="s">
        <v>3545</v>
      </c>
      <c r="G435" s="10" t="s">
        <v>3546</v>
      </c>
      <c r="H435" s="10" t="s">
        <v>3547</v>
      </c>
      <c r="I435" s="11">
        <v>44525</v>
      </c>
    </row>
    <row r="436" spans="1:9" x14ac:dyDescent="0.2">
      <c r="A436" s="10">
        <v>3006</v>
      </c>
      <c r="B436" s="10" t="s">
        <v>5852</v>
      </c>
      <c r="C436" s="10" t="s">
        <v>5853</v>
      </c>
      <c r="D436" s="10" t="s">
        <v>5854</v>
      </c>
      <c r="E436" s="10" t="s">
        <v>5855</v>
      </c>
      <c r="F436" s="10" t="s">
        <v>5856</v>
      </c>
      <c r="G436" s="10" t="s">
        <v>5857</v>
      </c>
      <c r="H436" s="10" t="s">
        <v>5858</v>
      </c>
      <c r="I436" s="11">
        <v>45176</v>
      </c>
    </row>
    <row r="437" spans="1:9" x14ac:dyDescent="0.2">
      <c r="A437" s="10">
        <v>3296</v>
      </c>
      <c r="B437" s="10" t="s">
        <v>7433</v>
      </c>
      <c r="C437" s="10" t="s">
        <v>7434</v>
      </c>
      <c r="D437" s="10" t="s">
        <v>7435</v>
      </c>
      <c r="E437" s="10" t="s">
        <v>7436</v>
      </c>
      <c r="F437" s="10" t="s">
        <v>7437</v>
      </c>
      <c r="G437" s="10" t="s">
        <v>7438</v>
      </c>
      <c r="H437" s="10" t="s">
        <v>7439</v>
      </c>
      <c r="I437" s="11">
        <v>45575</v>
      </c>
    </row>
    <row r="438" spans="1:9" x14ac:dyDescent="0.2">
      <c r="A438" s="10">
        <v>1638</v>
      </c>
      <c r="B438" s="10" t="s">
        <v>976</v>
      </c>
      <c r="C438" s="10" t="s">
        <v>35</v>
      </c>
      <c r="D438" s="10" t="s">
        <v>977</v>
      </c>
      <c r="E438" s="10" t="s">
        <v>978</v>
      </c>
      <c r="F438" s="10" t="s">
        <v>979</v>
      </c>
      <c r="G438" s="10" t="s">
        <v>980</v>
      </c>
      <c r="H438" s="10" t="s">
        <v>981</v>
      </c>
      <c r="I438" s="11">
        <v>44451</v>
      </c>
    </row>
    <row r="439" spans="1:9" x14ac:dyDescent="0.2">
      <c r="A439" s="10">
        <v>2960</v>
      </c>
      <c r="B439" s="10" t="s">
        <v>5578</v>
      </c>
      <c r="C439" s="10" t="s">
        <v>5579</v>
      </c>
      <c r="D439" s="10" t="s">
        <v>5580</v>
      </c>
      <c r="E439" s="10" t="s">
        <v>5581</v>
      </c>
      <c r="F439" s="10" t="s">
        <v>5582</v>
      </c>
      <c r="G439" s="10" t="s">
        <v>5583</v>
      </c>
      <c r="H439" s="10" t="s">
        <v>5584</v>
      </c>
      <c r="I439" s="11">
        <v>45117</v>
      </c>
    </row>
    <row r="440" spans="1:9" x14ac:dyDescent="0.2">
      <c r="A440" s="10">
        <v>3325</v>
      </c>
      <c r="B440" s="10" t="s">
        <v>7606</v>
      </c>
      <c r="C440" s="10" t="s">
        <v>7607</v>
      </c>
      <c r="D440" s="10" t="s">
        <v>3076</v>
      </c>
      <c r="E440" s="10" t="s">
        <v>7608</v>
      </c>
      <c r="F440" s="10" t="s">
        <v>7609</v>
      </c>
      <c r="G440" s="10" t="s">
        <v>7610</v>
      </c>
      <c r="H440" s="10" t="s">
        <v>7611</v>
      </c>
      <c r="I440" s="11">
        <v>45593</v>
      </c>
    </row>
    <row r="441" spans="1:9" x14ac:dyDescent="0.2">
      <c r="A441" s="10">
        <v>2451</v>
      </c>
      <c r="B441" s="10" t="s">
        <v>2835</v>
      </c>
      <c r="C441" s="10" t="s">
        <v>2836</v>
      </c>
      <c r="D441" s="10" t="s">
        <v>2837</v>
      </c>
      <c r="E441" s="10" t="s">
        <v>2838</v>
      </c>
      <c r="F441" s="10" t="s">
        <v>2839</v>
      </c>
      <c r="G441" s="10" t="s">
        <v>2840</v>
      </c>
      <c r="H441" s="10" t="s">
        <v>2841</v>
      </c>
      <c r="I441" s="11">
        <v>44298</v>
      </c>
    </row>
    <row r="442" spans="1:9" x14ac:dyDescent="0.2">
      <c r="A442" s="10">
        <v>3391</v>
      </c>
      <c r="B442" s="10" t="s">
        <v>7985</v>
      </c>
      <c r="C442" s="10" t="s">
        <v>7986</v>
      </c>
      <c r="D442" s="10" t="s">
        <v>7987</v>
      </c>
      <c r="E442" s="10" t="s">
        <v>7988</v>
      </c>
      <c r="F442" s="10" t="s">
        <v>7989</v>
      </c>
      <c r="G442" s="10" t="s">
        <v>7990</v>
      </c>
      <c r="H442" s="10" t="s">
        <v>7991</v>
      </c>
      <c r="I442" s="11">
        <v>45687</v>
      </c>
    </row>
    <row r="443" spans="1:9" x14ac:dyDescent="0.2">
      <c r="A443" s="10">
        <v>3225</v>
      </c>
      <c r="B443" s="10" t="s">
        <v>7042</v>
      </c>
      <c r="C443" s="10" t="s">
        <v>7043</v>
      </c>
      <c r="D443" s="10" t="s">
        <v>7044</v>
      </c>
      <c r="E443" s="10" t="s">
        <v>7045</v>
      </c>
      <c r="F443" s="10" t="s">
        <v>7046</v>
      </c>
      <c r="G443" s="10" t="s">
        <v>7047</v>
      </c>
      <c r="H443" s="10" t="s">
        <v>7048</v>
      </c>
      <c r="I443" s="11">
        <v>45467</v>
      </c>
    </row>
    <row r="444" spans="1:9" x14ac:dyDescent="0.2">
      <c r="A444" s="10">
        <v>2527</v>
      </c>
      <c r="B444" s="10" t="s">
        <v>3228</v>
      </c>
      <c r="C444" s="10" t="s">
        <v>35</v>
      </c>
      <c r="D444" s="10" t="s">
        <v>2223</v>
      </c>
      <c r="E444" s="10" t="s">
        <v>3229</v>
      </c>
      <c r="F444" s="10" t="s">
        <v>3230</v>
      </c>
      <c r="G444" s="10" t="s">
        <v>3231</v>
      </c>
      <c r="H444" s="10" t="s">
        <v>3232</v>
      </c>
      <c r="I444" s="11">
        <v>44368</v>
      </c>
    </row>
    <row r="445" spans="1:9" x14ac:dyDescent="0.2">
      <c r="A445" s="13">
        <v>3449</v>
      </c>
      <c r="B445" s="10" t="s">
        <v>8319</v>
      </c>
      <c r="C445" s="10" t="s">
        <v>8320</v>
      </c>
      <c r="D445" s="10" t="s">
        <v>8321</v>
      </c>
      <c r="E445" s="10" t="s">
        <v>8322</v>
      </c>
      <c r="F445" s="10" t="s">
        <v>8323</v>
      </c>
      <c r="G445" s="10" t="s">
        <v>8324</v>
      </c>
      <c r="H445" s="10" t="s">
        <v>8320</v>
      </c>
      <c r="I445" s="11">
        <v>45775</v>
      </c>
    </row>
    <row r="446" spans="1:9" x14ac:dyDescent="0.2">
      <c r="A446" s="10">
        <v>3092</v>
      </c>
      <c r="B446" s="10" t="s">
        <v>6327</v>
      </c>
      <c r="C446" s="10" t="s">
        <v>6328</v>
      </c>
      <c r="D446" s="10" t="s">
        <v>764</v>
      </c>
      <c r="E446" s="10" t="s">
        <v>6329</v>
      </c>
      <c r="F446" s="10" t="s">
        <v>6330</v>
      </c>
      <c r="G446" s="10" t="s">
        <v>6331</v>
      </c>
      <c r="H446" s="10" t="s">
        <v>6328</v>
      </c>
      <c r="I446" s="11">
        <v>45281</v>
      </c>
    </row>
    <row r="447" spans="1:9" x14ac:dyDescent="0.2">
      <c r="A447" s="10">
        <v>2896</v>
      </c>
      <c r="B447" s="10" t="s">
        <v>5240</v>
      </c>
      <c r="C447" s="10" t="s">
        <v>5241</v>
      </c>
      <c r="D447" s="10" t="s">
        <v>5242</v>
      </c>
      <c r="E447" s="10" t="s">
        <v>5243</v>
      </c>
      <c r="F447" s="10" t="s">
        <v>5244</v>
      </c>
      <c r="G447" s="10" t="s">
        <v>5245</v>
      </c>
      <c r="H447" s="10" t="s">
        <v>5246</v>
      </c>
      <c r="I447" s="11">
        <v>45022</v>
      </c>
    </row>
    <row r="448" spans="1:9" x14ac:dyDescent="0.2">
      <c r="A448" s="10">
        <v>3098</v>
      </c>
      <c r="B448" s="10" t="s">
        <v>6362</v>
      </c>
      <c r="C448" s="10" t="s">
        <v>6363</v>
      </c>
      <c r="D448" s="10" t="s">
        <v>6364</v>
      </c>
      <c r="E448" s="10" t="s">
        <v>6365</v>
      </c>
      <c r="F448" s="10" t="s">
        <v>6366</v>
      </c>
      <c r="G448" s="10" t="s">
        <v>6367</v>
      </c>
      <c r="H448" s="10" t="s">
        <v>6363</v>
      </c>
      <c r="I448" s="11">
        <v>45285</v>
      </c>
    </row>
    <row r="449" spans="1:9" x14ac:dyDescent="0.2">
      <c r="A449" s="10">
        <v>2510</v>
      </c>
      <c r="B449" s="10" t="s">
        <v>3164</v>
      </c>
      <c r="C449" s="10" t="s">
        <v>3165</v>
      </c>
      <c r="D449" s="10" t="s">
        <v>3166</v>
      </c>
      <c r="E449" s="10" t="s">
        <v>3167</v>
      </c>
      <c r="F449" s="10" t="s">
        <v>3168</v>
      </c>
      <c r="G449" s="10" t="s">
        <v>3169</v>
      </c>
      <c r="H449" s="10" t="s">
        <v>3165</v>
      </c>
      <c r="I449" s="11">
        <v>44350</v>
      </c>
    </row>
    <row r="450" spans="1:9" x14ac:dyDescent="0.2">
      <c r="A450" s="13">
        <v>3451</v>
      </c>
      <c r="B450" s="10" t="s">
        <v>8325</v>
      </c>
      <c r="C450" s="10" t="s">
        <v>35</v>
      </c>
      <c r="D450" s="10" t="s">
        <v>8326</v>
      </c>
      <c r="E450" s="10" t="s">
        <v>8327</v>
      </c>
      <c r="F450" s="10" t="s">
        <v>8328</v>
      </c>
      <c r="G450" s="10" t="s">
        <v>8329</v>
      </c>
      <c r="H450" s="10" t="s">
        <v>8330</v>
      </c>
      <c r="I450" s="11">
        <v>45764</v>
      </c>
    </row>
    <row r="451" spans="1:9" x14ac:dyDescent="0.2">
      <c r="A451" s="13">
        <v>3485</v>
      </c>
      <c r="B451" s="10" t="s">
        <v>8517</v>
      </c>
      <c r="C451" s="10" t="s">
        <v>8518</v>
      </c>
      <c r="D451" s="10" t="s">
        <v>8519</v>
      </c>
      <c r="E451" s="10" t="s">
        <v>8520</v>
      </c>
      <c r="F451" s="10" t="s">
        <v>8521</v>
      </c>
      <c r="G451" s="10" t="s">
        <v>8522</v>
      </c>
      <c r="H451" s="10" t="s">
        <v>8518</v>
      </c>
      <c r="I451" s="11">
        <v>45820</v>
      </c>
    </row>
    <row r="452" spans="1:9" x14ac:dyDescent="0.2">
      <c r="A452" s="10">
        <v>2381</v>
      </c>
      <c r="B452" s="10" t="s">
        <v>2473</v>
      </c>
      <c r="C452" s="10" t="s">
        <v>2474</v>
      </c>
      <c r="D452" s="10" t="s">
        <v>1239</v>
      </c>
      <c r="E452" s="10" t="s">
        <v>2475</v>
      </c>
      <c r="F452" s="10" t="s">
        <v>2476</v>
      </c>
      <c r="G452" s="10" t="s">
        <v>2477</v>
      </c>
      <c r="H452" s="10" t="s">
        <v>2478</v>
      </c>
      <c r="I452" s="11">
        <v>44203</v>
      </c>
    </row>
    <row r="453" spans="1:9" x14ac:dyDescent="0.2">
      <c r="A453" s="10">
        <v>2834</v>
      </c>
      <c r="B453" s="10" t="s">
        <v>4883</v>
      </c>
      <c r="C453" s="10" t="s">
        <v>4884</v>
      </c>
      <c r="D453" s="10" t="s">
        <v>4885</v>
      </c>
      <c r="E453" s="10" t="s">
        <v>4886</v>
      </c>
      <c r="F453" s="10" t="s">
        <v>4887</v>
      </c>
      <c r="G453" s="10" t="s">
        <v>4888</v>
      </c>
      <c r="H453" s="10" t="s">
        <v>4884</v>
      </c>
      <c r="I453" s="11">
        <v>44896</v>
      </c>
    </row>
    <row r="454" spans="1:9" x14ac:dyDescent="0.2">
      <c r="A454" s="10">
        <v>3208</v>
      </c>
      <c r="B454" s="10" t="s">
        <v>6952</v>
      </c>
      <c r="C454" s="10" t="s">
        <v>6953</v>
      </c>
      <c r="D454" s="10" t="s">
        <v>6954</v>
      </c>
      <c r="E454" s="10" t="s">
        <v>6955</v>
      </c>
      <c r="F454" s="10" t="s">
        <v>6956</v>
      </c>
      <c r="G454" s="10" t="s">
        <v>6957</v>
      </c>
      <c r="H454" s="10" t="s">
        <v>6953</v>
      </c>
      <c r="I454" s="11">
        <v>45439</v>
      </c>
    </row>
    <row r="455" spans="1:9" x14ac:dyDescent="0.2">
      <c r="A455" s="13">
        <v>3504</v>
      </c>
      <c r="B455" s="10" t="s">
        <v>8621</v>
      </c>
      <c r="C455" s="10" t="s">
        <v>8622</v>
      </c>
      <c r="D455" s="10" t="s">
        <v>8623</v>
      </c>
      <c r="E455" s="10" t="s">
        <v>8624</v>
      </c>
      <c r="F455" s="10" t="s">
        <v>8625</v>
      </c>
      <c r="G455" s="10" t="s">
        <v>8626</v>
      </c>
      <c r="H455" s="10" t="s">
        <v>8627</v>
      </c>
      <c r="I455" s="11">
        <v>45841</v>
      </c>
    </row>
    <row r="456" spans="1:9" x14ac:dyDescent="0.2">
      <c r="A456" s="10">
        <v>1527</v>
      </c>
      <c r="B456" s="10" t="s">
        <v>781</v>
      </c>
      <c r="C456" s="10" t="s">
        <v>782</v>
      </c>
      <c r="D456" s="10" t="s">
        <v>195</v>
      </c>
      <c r="E456" s="10" t="s">
        <v>196</v>
      </c>
      <c r="F456" s="10" t="s">
        <v>783</v>
      </c>
      <c r="G456" s="10" t="s">
        <v>784</v>
      </c>
      <c r="H456" s="10" t="s">
        <v>782</v>
      </c>
      <c r="I456" s="11">
        <v>44217</v>
      </c>
    </row>
    <row r="457" spans="1:9" x14ac:dyDescent="0.2">
      <c r="A457" s="10">
        <v>2917</v>
      </c>
      <c r="B457" s="10" t="s">
        <v>5359</v>
      </c>
      <c r="C457" s="10" t="s">
        <v>5360</v>
      </c>
      <c r="D457" s="10" t="s">
        <v>5361</v>
      </c>
      <c r="E457" s="10" t="s">
        <v>5362</v>
      </c>
      <c r="F457" s="10" t="s">
        <v>5363</v>
      </c>
      <c r="G457" s="10" t="s">
        <v>5364</v>
      </c>
      <c r="H457" s="10" t="s">
        <v>5360</v>
      </c>
      <c r="I457" s="11">
        <v>45061</v>
      </c>
    </row>
    <row r="458" spans="1:9" x14ac:dyDescent="0.2">
      <c r="A458" s="13">
        <v>3415</v>
      </c>
      <c r="B458" s="10" t="s">
        <v>8128</v>
      </c>
      <c r="C458" s="10" t="s">
        <v>8129</v>
      </c>
      <c r="D458" s="10" t="s">
        <v>4334</v>
      </c>
      <c r="E458" s="10" t="s">
        <v>8130</v>
      </c>
      <c r="F458" s="10" t="s">
        <v>8131</v>
      </c>
      <c r="G458" s="10" t="s">
        <v>8132</v>
      </c>
      <c r="H458" s="10" t="s">
        <v>8129</v>
      </c>
      <c r="I458" s="11">
        <v>45719</v>
      </c>
    </row>
    <row r="459" spans="1:9" x14ac:dyDescent="0.2">
      <c r="A459" s="10">
        <v>530</v>
      </c>
      <c r="B459" s="10" t="s">
        <v>187</v>
      </c>
      <c r="C459" s="10" t="s">
        <v>188</v>
      </c>
      <c r="D459" s="10" t="s">
        <v>189</v>
      </c>
      <c r="E459" s="10" t="s">
        <v>190</v>
      </c>
      <c r="F459" s="10" t="s">
        <v>191</v>
      </c>
      <c r="G459" s="10" t="s">
        <v>192</v>
      </c>
      <c r="H459" s="10" t="s">
        <v>188</v>
      </c>
      <c r="I459" s="11">
        <v>46038</v>
      </c>
    </row>
    <row r="460" spans="1:9" x14ac:dyDescent="0.2">
      <c r="A460" s="10">
        <v>2481</v>
      </c>
      <c r="B460" s="10" t="s">
        <v>2998</v>
      </c>
      <c r="C460" s="10" t="s">
        <v>2999</v>
      </c>
      <c r="D460" s="10" t="s">
        <v>3000</v>
      </c>
      <c r="E460" s="10" t="s">
        <v>3001</v>
      </c>
      <c r="F460" s="10" t="s">
        <v>3002</v>
      </c>
      <c r="G460" s="10" t="s">
        <v>192</v>
      </c>
      <c r="H460" s="10" t="s">
        <v>2999</v>
      </c>
      <c r="I460" s="11">
        <v>44312</v>
      </c>
    </row>
    <row r="461" spans="1:9" x14ac:dyDescent="0.2">
      <c r="A461" s="10">
        <v>2443</v>
      </c>
      <c r="B461" s="10" t="s">
        <v>2801</v>
      </c>
      <c r="C461" s="10" t="s">
        <v>35</v>
      </c>
      <c r="D461" s="10" t="s">
        <v>2802</v>
      </c>
      <c r="E461" s="10" t="s">
        <v>2803</v>
      </c>
      <c r="F461" s="10" t="s">
        <v>2804</v>
      </c>
      <c r="G461" s="10" t="s">
        <v>2805</v>
      </c>
      <c r="H461" s="10" t="s">
        <v>2806</v>
      </c>
      <c r="I461" s="11">
        <v>44284</v>
      </c>
    </row>
    <row r="462" spans="1:9" x14ac:dyDescent="0.2">
      <c r="A462" s="10">
        <v>3058</v>
      </c>
      <c r="B462" s="10" t="s">
        <v>6134</v>
      </c>
      <c r="C462" s="10" t="s">
        <v>6135</v>
      </c>
      <c r="D462" s="10" t="s">
        <v>6136</v>
      </c>
      <c r="E462" s="10" t="s">
        <v>6137</v>
      </c>
      <c r="F462" s="10" t="s">
        <v>6138</v>
      </c>
      <c r="G462" s="10" t="s">
        <v>6139</v>
      </c>
      <c r="H462" s="10" t="s">
        <v>6135</v>
      </c>
      <c r="I462" s="11">
        <v>45254</v>
      </c>
    </row>
    <row r="463" spans="1:9" x14ac:dyDescent="0.2">
      <c r="A463" s="10">
        <v>3288</v>
      </c>
      <c r="B463" s="10" t="s">
        <v>7389</v>
      </c>
      <c r="C463" s="10" t="s">
        <v>7390</v>
      </c>
      <c r="D463" s="10" t="s">
        <v>3076</v>
      </c>
      <c r="E463" s="10" t="s">
        <v>7391</v>
      </c>
      <c r="F463" s="10" t="s">
        <v>7392</v>
      </c>
      <c r="G463" s="10" t="s">
        <v>7393</v>
      </c>
      <c r="H463" s="10" t="s">
        <v>7390</v>
      </c>
      <c r="I463" s="11">
        <v>45554</v>
      </c>
    </row>
    <row r="464" spans="1:9" x14ac:dyDescent="0.2">
      <c r="A464" s="13">
        <v>3528</v>
      </c>
      <c r="B464" s="10" t="s">
        <v>8762</v>
      </c>
      <c r="C464" s="10" t="s">
        <v>8763</v>
      </c>
      <c r="D464" s="10" t="s">
        <v>2111</v>
      </c>
      <c r="E464" s="10" t="s">
        <v>8764</v>
      </c>
      <c r="F464" s="10" t="s">
        <v>8765</v>
      </c>
      <c r="G464" s="10" t="s">
        <v>8766</v>
      </c>
      <c r="H464" s="10" t="s">
        <v>8763</v>
      </c>
      <c r="I464" s="11">
        <v>45890</v>
      </c>
    </row>
    <row r="465" spans="1:9" x14ac:dyDescent="0.2">
      <c r="A465" s="10">
        <v>3027</v>
      </c>
      <c r="B465" s="10" t="s">
        <v>5973</v>
      </c>
      <c r="C465" s="10" t="s">
        <v>5974</v>
      </c>
      <c r="D465" s="10" t="s">
        <v>5975</v>
      </c>
      <c r="E465" s="10" t="s">
        <v>5976</v>
      </c>
      <c r="F465" s="10" t="s">
        <v>5977</v>
      </c>
      <c r="G465" s="10" t="s">
        <v>5978</v>
      </c>
      <c r="H465" s="10" t="s">
        <v>5974</v>
      </c>
      <c r="I465" s="11">
        <v>45215</v>
      </c>
    </row>
    <row r="466" spans="1:9" x14ac:dyDescent="0.2">
      <c r="A466" s="10">
        <v>2161</v>
      </c>
      <c r="B466" s="10" t="s">
        <v>1972</v>
      </c>
      <c r="C466" s="10" t="s">
        <v>1973</v>
      </c>
      <c r="D466" s="10" t="s">
        <v>1974</v>
      </c>
      <c r="E466" s="10" t="s">
        <v>1975</v>
      </c>
      <c r="F466" s="10" t="s">
        <v>1976</v>
      </c>
      <c r="G466" s="10" t="s">
        <v>1977</v>
      </c>
      <c r="H466" s="10" t="s">
        <v>1978</v>
      </c>
      <c r="I466" s="11">
        <v>45635</v>
      </c>
    </row>
    <row r="467" spans="1:9" x14ac:dyDescent="0.2">
      <c r="A467" s="10">
        <v>2769</v>
      </c>
      <c r="B467" s="10" t="s">
        <v>4528</v>
      </c>
      <c r="C467" s="10" t="s">
        <v>4529</v>
      </c>
      <c r="D467" s="10" t="s">
        <v>848</v>
      </c>
      <c r="E467" s="10" t="s">
        <v>4530</v>
      </c>
      <c r="F467" s="10" t="s">
        <v>4531</v>
      </c>
      <c r="G467" s="10" t="s">
        <v>4532</v>
      </c>
      <c r="H467" s="10" t="s">
        <v>4533</v>
      </c>
      <c r="I467" s="11">
        <v>44785</v>
      </c>
    </row>
    <row r="468" spans="1:9" x14ac:dyDescent="0.2">
      <c r="A468" s="10">
        <v>3305</v>
      </c>
      <c r="B468" s="10" t="s">
        <v>7487</v>
      </c>
      <c r="C468" s="10" t="s">
        <v>35</v>
      </c>
      <c r="D468" s="10" t="s">
        <v>6817</v>
      </c>
      <c r="E468" s="10" t="s">
        <v>7488</v>
      </c>
      <c r="F468" s="10" t="s">
        <v>7489</v>
      </c>
      <c r="G468" s="10" t="s">
        <v>7490</v>
      </c>
      <c r="H468" s="10" t="s">
        <v>7491</v>
      </c>
      <c r="I468" s="11">
        <v>45589</v>
      </c>
    </row>
    <row r="469" spans="1:9" x14ac:dyDescent="0.2">
      <c r="A469" s="10">
        <v>3231</v>
      </c>
      <c r="B469" s="10" t="s">
        <v>7073</v>
      </c>
      <c r="C469" s="10" t="s">
        <v>7074</v>
      </c>
      <c r="D469" s="10" t="s">
        <v>7075</v>
      </c>
      <c r="E469" s="10" t="s">
        <v>7076</v>
      </c>
      <c r="F469" s="10" t="s">
        <v>7077</v>
      </c>
      <c r="G469" s="10" t="s">
        <v>7078</v>
      </c>
      <c r="H469" s="10" t="s">
        <v>7074</v>
      </c>
      <c r="I469" s="11">
        <v>45467</v>
      </c>
    </row>
    <row r="470" spans="1:9" x14ac:dyDescent="0.2">
      <c r="A470" s="10">
        <v>3376</v>
      </c>
      <c r="B470" s="10" t="s">
        <v>7902</v>
      </c>
      <c r="C470" s="10" t="s">
        <v>7903</v>
      </c>
      <c r="D470" s="10" t="s">
        <v>2345</v>
      </c>
      <c r="E470" s="10" t="s">
        <v>7904</v>
      </c>
      <c r="F470" s="10" t="s">
        <v>7905</v>
      </c>
      <c r="G470" s="10" t="s">
        <v>7906</v>
      </c>
      <c r="H470" s="10" t="s">
        <v>7907</v>
      </c>
      <c r="I470" s="11">
        <v>45666</v>
      </c>
    </row>
    <row r="471" spans="1:9" x14ac:dyDescent="0.2">
      <c r="A471" s="10">
        <v>1652</v>
      </c>
      <c r="B471" s="10" t="s">
        <v>1001</v>
      </c>
      <c r="C471" s="10" t="s">
        <v>1002</v>
      </c>
      <c r="D471" s="10" t="s">
        <v>118</v>
      </c>
      <c r="E471" s="10" t="s">
        <v>1003</v>
      </c>
      <c r="F471" s="10" t="s">
        <v>1004</v>
      </c>
      <c r="G471" s="10" t="s">
        <v>1005</v>
      </c>
      <c r="H471" s="10" t="s">
        <v>1006</v>
      </c>
      <c r="I471" s="11">
        <v>44488</v>
      </c>
    </row>
    <row r="472" spans="1:9" x14ac:dyDescent="0.2">
      <c r="A472" s="13">
        <v>3522</v>
      </c>
      <c r="B472" s="10" t="s">
        <v>8726</v>
      </c>
      <c r="C472" s="10" t="s">
        <v>8727</v>
      </c>
      <c r="D472" s="10" t="s">
        <v>547</v>
      </c>
      <c r="E472" s="10" t="s">
        <v>8728</v>
      </c>
      <c r="F472" s="10" t="s">
        <v>8729</v>
      </c>
      <c r="G472" s="10" t="s">
        <v>8730</v>
      </c>
      <c r="H472" s="10" t="s">
        <v>8731</v>
      </c>
      <c r="I472" s="11">
        <v>45855</v>
      </c>
    </row>
    <row r="473" spans="1:9" x14ac:dyDescent="0.2">
      <c r="A473" s="14">
        <v>3579</v>
      </c>
      <c r="B473" s="15" t="s">
        <v>9047</v>
      </c>
      <c r="C473" s="10" t="s">
        <v>9048</v>
      </c>
      <c r="D473" s="15" t="s">
        <v>9049</v>
      </c>
      <c r="E473" s="10" t="s">
        <v>9050</v>
      </c>
      <c r="F473" s="10" t="s">
        <v>9051</v>
      </c>
      <c r="G473" s="10" t="s">
        <v>9052</v>
      </c>
      <c r="H473" s="10" t="s">
        <v>9048</v>
      </c>
      <c r="I473" s="11">
        <v>45965</v>
      </c>
    </row>
    <row r="474" spans="1:9" x14ac:dyDescent="0.2">
      <c r="A474" s="10">
        <v>2759</v>
      </c>
      <c r="B474" s="10" t="s">
        <v>4476</v>
      </c>
      <c r="C474" s="10" t="s">
        <v>4477</v>
      </c>
      <c r="D474" s="10" t="s">
        <v>4478</v>
      </c>
      <c r="E474" s="10" t="s">
        <v>4479</v>
      </c>
      <c r="F474" s="10" t="s">
        <v>4480</v>
      </c>
      <c r="G474" s="10" t="s">
        <v>4481</v>
      </c>
      <c r="H474" s="10" t="s">
        <v>4482</v>
      </c>
      <c r="I474" s="11">
        <v>44774</v>
      </c>
    </row>
    <row r="475" spans="1:9" x14ac:dyDescent="0.2">
      <c r="A475" s="14">
        <v>3609</v>
      </c>
      <c r="B475" s="15" t="s">
        <v>9213</v>
      </c>
      <c r="C475" s="10" t="s">
        <v>9214</v>
      </c>
      <c r="D475" s="15" t="s">
        <v>9215</v>
      </c>
      <c r="E475" s="10" t="s">
        <v>9216</v>
      </c>
      <c r="F475" s="10" t="s">
        <v>9217</v>
      </c>
      <c r="G475" s="10" t="s">
        <v>9218</v>
      </c>
      <c r="H475" s="10" t="s">
        <v>9219</v>
      </c>
      <c r="I475" s="11">
        <v>45995</v>
      </c>
    </row>
    <row r="476" spans="1:9" x14ac:dyDescent="0.2">
      <c r="A476" s="10">
        <v>1825</v>
      </c>
      <c r="B476" s="10" t="s">
        <v>1316</v>
      </c>
      <c r="C476" s="10" t="s">
        <v>1317</v>
      </c>
      <c r="D476" s="10" t="s">
        <v>1318</v>
      </c>
      <c r="E476" s="10" t="s">
        <v>1319</v>
      </c>
      <c r="F476" s="10" t="s">
        <v>1320</v>
      </c>
      <c r="G476" s="10" t="s">
        <v>1321</v>
      </c>
      <c r="H476" s="10" t="s">
        <v>1317</v>
      </c>
      <c r="I476" s="11">
        <v>44899</v>
      </c>
    </row>
    <row r="477" spans="1:9" x14ac:dyDescent="0.2">
      <c r="A477" s="14">
        <v>3618</v>
      </c>
      <c r="B477" s="15" t="s">
        <v>9266</v>
      </c>
      <c r="C477" s="10" t="s">
        <v>9267</v>
      </c>
      <c r="D477" s="15" t="s">
        <v>9268</v>
      </c>
      <c r="E477" s="10" t="s">
        <v>9269</v>
      </c>
      <c r="F477" s="10" t="s">
        <v>9270</v>
      </c>
      <c r="G477" s="10" t="s">
        <v>9271</v>
      </c>
      <c r="H477" s="10" t="s">
        <v>9272</v>
      </c>
      <c r="I477" s="11">
        <v>46009</v>
      </c>
    </row>
    <row r="478" spans="1:9" x14ac:dyDescent="0.2">
      <c r="A478" s="10">
        <v>2899</v>
      </c>
      <c r="B478" s="10" t="s">
        <v>5259</v>
      </c>
      <c r="C478" s="10" t="s">
        <v>5260</v>
      </c>
      <c r="D478" s="10" t="s">
        <v>5261</v>
      </c>
      <c r="E478" s="10" t="s">
        <v>5262</v>
      </c>
      <c r="F478" s="10" t="s">
        <v>5263</v>
      </c>
      <c r="G478" s="10" t="s">
        <v>5264</v>
      </c>
      <c r="H478" s="10" t="s">
        <v>5265</v>
      </c>
      <c r="I478" s="11">
        <v>45029</v>
      </c>
    </row>
    <row r="479" spans="1:9" x14ac:dyDescent="0.2">
      <c r="A479" s="10">
        <v>2867</v>
      </c>
      <c r="B479" s="10" t="s">
        <v>5072</v>
      </c>
      <c r="C479" s="10" t="s">
        <v>5073</v>
      </c>
      <c r="D479" s="10" t="s">
        <v>1626</v>
      </c>
      <c r="E479" s="10" t="s">
        <v>5074</v>
      </c>
      <c r="F479" s="10" t="s">
        <v>5075</v>
      </c>
      <c r="G479" s="10" t="s">
        <v>5076</v>
      </c>
      <c r="H479" s="10" t="s">
        <v>5077</v>
      </c>
      <c r="I479" s="11">
        <v>44977</v>
      </c>
    </row>
    <row r="480" spans="1:9" x14ac:dyDescent="0.2">
      <c r="A480" s="10">
        <v>3234</v>
      </c>
      <c r="B480" s="10" t="s">
        <v>7092</v>
      </c>
      <c r="C480" s="10" t="s">
        <v>7093</v>
      </c>
      <c r="D480" s="10" t="s">
        <v>7094</v>
      </c>
      <c r="E480" s="10" t="s">
        <v>7095</v>
      </c>
      <c r="F480" s="10" t="s">
        <v>7096</v>
      </c>
      <c r="G480" s="10" t="s">
        <v>7097</v>
      </c>
      <c r="H480" s="10" t="s">
        <v>7093</v>
      </c>
      <c r="I480" s="11">
        <v>45467</v>
      </c>
    </row>
    <row r="481" spans="1:9" x14ac:dyDescent="0.2">
      <c r="A481" s="10">
        <v>3273</v>
      </c>
      <c r="B481" s="10" t="s">
        <v>7304</v>
      </c>
      <c r="C481" s="10" t="s">
        <v>7305</v>
      </c>
      <c r="D481" s="10" t="s">
        <v>6079</v>
      </c>
      <c r="E481" s="10" t="s">
        <v>7306</v>
      </c>
      <c r="F481" s="10" t="s">
        <v>7307</v>
      </c>
      <c r="G481" s="10" t="s">
        <v>7308</v>
      </c>
      <c r="H481" s="10" t="s">
        <v>7309</v>
      </c>
      <c r="I481" s="11">
        <v>45523</v>
      </c>
    </row>
    <row r="482" spans="1:9" x14ac:dyDescent="0.2">
      <c r="A482" s="10">
        <v>2545</v>
      </c>
      <c r="B482" s="10" t="s">
        <v>3324</v>
      </c>
      <c r="C482" s="10" t="s">
        <v>3325</v>
      </c>
      <c r="D482" s="10" t="s">
        <v>3326</v>
      </c>
      <c r="E482" s="10" t="s">
        <v>3327</v>
      </c>
      <c r="F482" s="10" t="s">
        <v>3328</v>
      </c>
      <c r="G482" s="10" t="s">
        <v>3329</v>
      </c>
      <c r="H482" s="10" t="s">
        <v>3330</v>
      </c>
      <c r="I482" s="11">
        <v>44403</v>
      </c>
    </row>
    <row r="483" spans="1:9" x14ac:dyDescent="0.2">
      <c r="A483" s="10">
        <v>2394</v>
      </c>
      <c r="B483" s="10" t="s">
        <v>2546</v>
      </c>
      <c r="C483" s="10" t="s">
        <v>2547</v>
      </c>
      <c r="D483" s="10" t="s">
        <v>2548</v>
      </c>
      <c r="E483" s="10" t="s">
        <v>2549</v>
      </c>
      <c r="F483" s="10" t="s">
        <v>2550</v>
      </c>
      <c r="G483" s="10" t="s">
        <v>2551</v>
      </c>
      <c r="H483" s="10" t="s">
        <v>2552</v>
      </c>
      <c r="I483" s="11">
        <v>44231</v>
      </c>
    </row>
    <row r="484" spans="1:9" x14ac:dyDescent="0.2">
      <c r="A484" s="10">
        <v>1911</v>
      </c>
      <c r="B484" s="10" t="s">
        <v>1542</v>
      </c>
      <c r="C484" s="10" t="s">
        <v>1543</v>
      </c>
      <c r="D484" s="10" t="s">
        <v>1282</v>
      </c>
      <c r="E484" s="10" t="s">
        <v>1544</v>
      </c>
      <c r="F484" s="10" t="s">
        <v>1545</v>
      </c>
      <c r="G484" s="10" t="s">
        <v>1546</v>
      </c>
      <c r="H484" s="10" t="s">
        <v>1543</v>
      </c>
      <c r="I484" s="11">
        <v>45081</v>
      </c>
    </row>
    <row r="485" spans="1:9" x14ac:dyDescent="0.2">
      <c r="A485" s="10">
        <v>707</v>
      </c>
      <c r="B485" s="10" t="s">
        <v>241</v>
      </c>
      <c r="C485" s="10" t="s">
        <v>242</v>
      </c>
      <c r="D485" s="10" t="s">
        <v>243</v>
      </c>
      <c r="E485" s="10" t="s">
        <v>244</v>
      </c>
      <c r="F485" s="10" t="s">
        <v>245</v>
      </c>
      <c r="G485" s="10" t="s">
        <v>246</v>
      </c>
      <c r="H485" s="10" t="s">
        <v>242</v>
      </c>
      <c r="I485" s="11">
        <v>44877</v>
      </c>
    </row>
    <row r="486" spans="1:9" x14ac:dyDescent="0.2">
      <c r="A486" s="10">
        <v>1408</v>
      </c>
      <c r="B486" s="10" t="s">
        <v>700</v>
      </c>
      <c r="C486" s="10" t="s">
        <v>701</v>
      </c>
      <c r="D486" s="10" t="s">
        <v>702</v>
      </c>
      <c r="E486" s="10" t="s">
        <v>703</v>
      </c>
      <c r="F486" s="10" t="s">
        <v>704</v>
      </c>
      <c r="G486" s="10" t="s">
        <v>705</v>
      </c>
      <c r="H486" s="10" t="s">
        <v>706</v>
      </c>
      <c r="I486" s="11">
        <v>45747</v>
      </c>
    </row>
    <row r="487" spans="1:9" x14ac:dyDescent="0.2">
      <c r="A487" s="10">
        <v>2309</v>
      </c>
      <c r="B487" s="10" t="s">
        <v>2285</v>
      </c>
      <c r="C487" s="10" t="s">
        <v>35</v>
      </c>
      <c r="D487" s="10" t="s">
        <v>547</v>
      </c>
      <c r="E487" s="10" t="s">
        <v>2286</v>
      </c>
      <c r="F487" s="10" t="s">
        <v>2287</v>
      </c>
      <c r="G487" s="10" t="s">
        <v>2288</v>
      </c>
      <c r="H487" s="10" t="s">
        <v>2289</v>
      </c>
      <c r="I487" s="11">
        <v>45914</v>
      </c>
    </row>
    <row r="488" spans="1:9" x14ac:dyDescent="0.2">
      <c r="A488" s="10">
        <v>3386</v>
      </c>
      <c r="B488" s="10" t="s">
        <v>7961</v>
      </c>
      <c r="C488" s="10" t="s">
        <v>35</v>
      </c>
      <c r="D488" s="10" t="s">
        <v>7962</v>
      </c>
      <c r="E488" s="10" t="s">
        <v>7963</v>
      </c>
      <c r="F488" s="10" t="s">
        <v>7964</v>
      </c>
      <c r="G488" s="10" t="s">
        <v>7965</v>
      </c>
      <c r="H488" s="10" t="s">
        <v>7966</v>
      </c>
      <c r="I488" s="11">
        <v>45687</v>
      </c>
    </row>
    <row r="489" spans="1:9" x14ac:dyDescent="0.2">
      <c r="A489" s="10">
        <v>3267</v>
      </c>
      <c r="B489" s="10" t="s">
        <v>7273</v>
      </c>
      <c r="C489" s="10" t="s">
        <v>7274</v>
      </c>
      <c r="D489" s="10" t="s">
        <v>7275</v>
      </c>
      <c r="E489" s="10" t="s">
        <v>7276</v>
      </c>
      <c r="F489" s="10" t="s">
        <v>7277</v>
      </c>
      <c r="G489" s="10" t="s">
        <v>7278</v>
      </c>
      <c r="H489" s="10" t="s">
        <v>7279</v>
      </c>
      <c r="I489" s="11">
        <v>45517</v>
      </c>
    </row>
    <row r="490" spans="1:9" x14ac:dyDescent="0.2">
      <c r="A490" s="10">
        <v>3398</v>
      </c>
      <c r="B490" s="10" t="s">
        <v>8027</v>
      </c>
      <c r="C490" s="10" t="s">
        <v>8028</v>
      </c>
      <c r="D490" s="10" t="s">
        <v>8029</v>
      </c>
      <c r="E490" s="10" t="s">
        <v>8030</v>
      </c>
      <c r="F490" s="10" t="s">
        <v>8031</v>
      </c>
      <c r="G490" s="10" t="s">
        <v>8032</v>
      </c>
      <c r="H490" s="10" t="s">
        <v>8028</v>
      </c>
      <c r="I490" s="11">
        <v>45713</v>
      </c>
    </row>
    <row r="491" spans="1:9" x14ac:dyDescent="0.2">
      <c r="A491" s="10">
        <v>2808</v>
      </c>
      <c r="B491" s="10" t="s">
        <v>4754</v>
      </c>
      <c r="C491" s="10" t="s">
        <v>4755</v>
      </c>
      <c r="D491" s="10" t="s">
        <v>4756</v>
      </c>
      <c r="E491" s="10" t="s">
        <v>4757</v>
      </c>
      <c r="F491" s="10" t="s">
        <v>4758</v>
      </c>
      <c r="G491" s="10" t="s">
        <v>4759</v>
      </c>
      <c r="H491" s="10" t="s">
        <v>194</v>
      </c>
      <c r="I491" s="11">
        <v>44865</v>
      </c>
    </row>
    <row r="492" spans="1:9" x14ac:dyDescent="0.2">
      <c r="A492" s="10">
        <v>2653</v>
      </c>
      <c r="B492" s="10" t="s">
        <v>3906</v>
      </c>
      <c r="C492" s="10" t="s">
        <v>3907</v>
      </c>
      <c r="D492" s="10" t="s">
        <v>848</v>
      </c>
      <c r="E492" s="10" t="s">
        <v>3908</v>
      </c>
      <c r="F492" s="10" t="s">
        <v>3909</v>
      </c>
      <c r="G492" s="10" t="s">
        <v>3910</v>
      </c>
      <c r="H492" s="10" t="s">
        <v>3911</v>
      </c>
      <c r="I492" s="11">
        <v>44620</v>
      </c>
    </row>
    <row r="493" spans="1:9" x14ac:dyDescent="0.2">
      <c r="A493" s="10">
        <v>2976</v>
      </c>
      <c r="B493" s="10" t="s">
        <v>5673</v>
      </c>
      <c r="C493" s="10" t="s">
        <v>5674</v>
      </c>
      <c r="D493" s="10" t="s">
        <v>5675</v>
      </c>
      <c r="E493" s="10" t="s">
        <v>5676</v>
      </c>
      <c r="F493" s="10" t="s">
        <v>5677</v>
      </c>
      <c r="G493" s="10" t="s">
        <v>5678</v>
      </c>
      <c r="H493" s="10" t="s">
        <v>5679</v>
      </c>
      <c r="I493" s="11">
        <v>45131</v>
      </c>
    </row>
    <row r="494" spans="1:9" x14ac:dyDescent="0.2">
      <c r="A494" s="10">
        <v>2787</v>
      </c>
      <c r="B494" s="10" t="s">
        <v>4629</v>
      </c>
      <c r="C494" s="10" t="s">
        <v>4630</v>
      </c>
      <c r="D494" s="10" t="s">
        <v>4631</v>
      </c>
      <c r="E494" s="10" t="s">
        <v>4632</v>
      </c>
      <c r="F494" s="10" t="s">
        <v>4633</v>
      </c>
      <c r="G494" s="10" t="s">
        <v>4634</v>
      </c>
      <c r="H494" s="10" t="s">
        <v>4630</v>
      </c>
      <c r="I494" s="11">
        <v>44816</v>
      </c>
    </row>
    <row r="495" spans="1:9" x14ac:dyDescent="0.2">
      <c r="A495" s="10">
        <v>2606</v>
      </c>
      <c r="B495" s="10" t="s">
        <v>3659</v>
      </c>
      <c r="C495" s="10" t="s">
        <v>3660</v>
      </c>
      <c r="D495" s="10" t="s">
        <v>3661</v>
      </c>
      <c r="E495" s="10" t="s">
        <v>3662</v>
      </c>
      <c r="F495" s="10" t="s">
        <v>3663</v>
      </c>
      <c r="G495" s="10" t="s">
        <v>3664</v>
      </c>
      <c r="H495" s="10" t="s">
        <v>3660</v>
      </c>
      <c r="I495" s="11">
        <v>44550</v>
      </c>
    </row>
    <row r="496" spans="1:9" x14ac:dyDescent="0.2">
      <c r="A496" s="10">
        <v>2504</v>
      </c>
      <c r="B496" s="10" t="s">
        <v>3130</v>
      </c>
      <c r="C496" s="10" t="s">
        <v>3131</v>
      </c>
      <c r="D496" s="10" t="s">
        <v>1250</v>
      </c>
      <c r="E496" s="10" t="s">
        <v>1251</v>
      </c>
      <c r="F496" s="10" t="s">
        <v>3132</v>
      </c>
      <c r="G496" s="10" t="s">
        <v>3133</v>
      </c>
      <c r="H496" s="10" t="s">
        <v>3131</v>
      </c>
      <c r="I496" s="11">
        <v>44347</v>
      </c>
    </row>
    <row r="497" spans="1:9" x14ac:dyDescent="0.2">
      <c r="A497" s="10">
        <v>1523</v>
      </c>
      <c r="B497" s="10" t="s">
        <v>774</v>
      </c>
      <c r="C497" s="10" t="s">
        <v>775</v>
      </c>
      <c r="D497" s="10" t="s">
        <v>776</v>
      </c>
      <c r="E497" s="10" t="s">
        <v>777</v>
      </c>
      <c r="F497" s="10" t="s">
        <v>778</v>
      </c>
      <c r="G497" s="10" t="s">
        <v>779</v>
      </c>
      <c r="H497" s="10" t="s">
        <v>780</v>
      </c>
      <c r="I497" s="11">
        <v>46042</v>
      </c>
    </row>
    <row r="498" spans="1:9" x14ac:dyDescent="0.2">
      <c r="A498" s="14">
        <v>3572</v>
      </c>
      <c r="B498" s="15" t="s">
        <v>774</v>
      </c>
      <c r="C498" s="10" t="s">
        <v>9012</v>
      </c>
      <c r="D498" s="15" t="s">
        <v>9013</v>
      </c>
      <c r="E498" s="10" t="s">
        <v>9014</v>
      </c>
      <c r="F498" s="10" t="s">
        <v>9015</v>
      </c>
      <c r="G498" s="10" t="s">
        <v>779</v>
      </c>
      <c r="H498" s="10" t="s">
        <v>9012</v>
      </c>
      <c r="I498" s="11">
        <v>45929</v>
      </c>
    </row>
    <row r="499" spans="1:9" x14ac:dyDescent="0.2">
      <c r="A499" s="10">
        <v>3128</v>
      </c>
      <c r="B499" s="10" t="s">
        <v>6529</v>
      </c>
      <c r="C499" s="10" t="s">
        <v>6530</v>
      </c>
      <c r="D499" s="10" t="s">
        <v>6531</v>
      </c>
      <c r="E499" s="10" t="s">
        <v>6532</v>
      </c>
      <c r="F499" s="10" t="s">
        <v>6533</v>
      </c>
      <c r="G499" s="10" t="s">
        <v>6534</v>
      </c>
      <c r="H499" s="10" t="s">
        <v>6530</v>
      </c>
      <c r="I499" s="11">
        <v>45330</v>
      </c>
    </row>
    <row r="500" spans="1:9" x14ac:dyDescent="0.2">
      <c r="A500" s="10">
        <v>3194</v>
      </c>
      <c r="B500" s="10" t="s">
        <v>6871</v>
      </c>
      <c r="C500" s="10" t="s">
        <v>6872</v>
      </c>
      <c r="D500" s="10" t="s">
        <v>1499</v>
      </c>
      <c r="E500" s="10" t="s">
        <v>6873</v>
      </c>
      <c r="F500" s="10" t="s">
        <v>6874</v>
      </c>
      <c r="G500" s="10" t="s">
        <v>6875</v>
      </c>
      <c r="H500" s="10" t="s">
        <v>6872</v>
      </c>
      <c r="I500" s="11">
        <v>45421</v>
      </c>
    </row>
    <row r="501" spans="1:9" x14ac:dyDescent="0.2">
      <c r="A501" s="10">
        <v>2689</v>
      </c>
      <c r="B501" s="10" t="s">
        <v>4092</v>
      </c>
      <c r="C501" s="10" t="s">
        <v>4093</v>
      </c>
      <c r="D501" s="10" t="s">
        <v>4094</v>
      </c>
      <c r="E501" s="10" t="s">
        <v>4095</v>
      </c>
      <c r="F501" s="10" t="s">
        <v>4096</v>
      </c>
      <c r="G501" s="10" t="s">
        <v>4097</v>
      </c>
      <c r="H501" s="10" t="s">
        <v>4093</v>
      </c>
      <c r="I501" s="11">
        <v>44669</v>
      </c>
    </row>
    <row r="502" spans="1:9" x14ac:dyDescent="0.2">
      <c r="A502" s="10">
        <v>1136</v>
      </c>
      <c r="B502" s="10" t="s">
        <v>469</v>
      </c>
      <c r="C502" s="10" t="s">
        <v>35</v>
      </c>
      <c r="D502" s="10" t="s">
        <v>470</v>
      </c>
      <c r="E502" s="10" t="s">
        <v>471</v>
      </c>
      <c r="F502" s="10" t="s">
        <v>472</v>
      </c>
      <c r="G502" s="10" t="s">
        <v>473</v>
      </c>
      <c r="H502" s="10" t="s">
        <v>474</v>
      </c>
      <c r="I502" s="11">
        <v>44891</v>
      </c>
    </row>
    <row r="503" spans="1:9" x14ac:dyDescent="0.2">
      <c r="A503" s="10">
        <v>3335</v>
      </c>
      <c r="B503" s="10" t="s">
        <v>7664</v>
      </c>
      <c r="C503" s="10" t="s">
        <v>7665</v>
      </c>
      <c r="D503" s="10" t="s">
        <v>7666</v>
      </c>
      <c r="E503" s="10" t="s">
        <v>7667</v>
      </c>
      <c r="F503" s="10" t="s">
        <v>7668</v>
      </c>
      <c r="G503" s="10" t="s">
        <v>7669</v>
      </c>
      <c r="H503" s="10" t="s">
        <v>7665</v>
      </c>
      <c r="I503" s="11">
        <v>45610</v>
      </c>
    </row>
    <row r="504" spans="1:9" x14ac:dyDescent="0.2">
      <c r="A504" s="10">
        <v>1748</v>
      </c>
      <c r="B504" s="10" t="s">
        <v>1190</v>
      </c>
      <c r="C504" s="10" t="s">
        <v>35</v>
      </c>
      <c r="D504" s="10" t="s">
        <v>1191</v>
      </c>
      <c r="E504" s="10" t="s">
        <v>1192</v>
      </c>
      <c r="F504" s="10" t="s">
        <v>1193</v>
      </c>
      <c r="G504" s="10" t="s">
        <v>1194</v>
      </c>
      <c r="H504" s="10" t="s">
        <v>1195</v>
      </c>
      <c r="I504" s="11">
        <v>44719</v>
      </c>
    </row>
    <row r="505" spans="1:9" x14ac:dyDescent="0.2">
      <c r="A505" s="10">
        <v>3255</v>
      </c>
      <c r="B505" s="10" t="s">
        <v>7211</v>
      </c>
      <c r="C505" s="10" t="s">
        <v>7212</v>
      </c>
      <c r="D505" s="10" t="s">
        <v>897</v>
      </c>
      <c r="E505" s="10" t="s">
        <v>7213</v>
      </c>
      <c r="F505" s="10" t="s">
        <v>7214</v>
      </c>
      <c r="G505" s="10" t="s">
        <v>7215</v>
      </c>
      <c r="H505" s="10" t="s">
        <v>7212</v>
      </c>
      <c r="I505" s="11">
        <v>45498</v>
      </c>
    </row>
    <row r="506" spans="1:9" x14ac:dyDescent="0.2">
      <c r="A506" s="10">
        <v>2744</v>
      </c>
      <c r="B506" s="10" t="s">
        <v>4380</v>
      </c>
      <c r="C506" s="10" t="s">
        <v>4381</v>
      </c>
      <c r="D506" s="10" t="s">
        <v>4382</v>
      </c>
      <c r="E506" s="10" t="s">
        <v>4383</v>
      </c>
      <c r="F506" s="10" t="s">
        <v>4384</v>
      </c>
      <c r="G506" s="10" t="s">
        <v>4385</v>
      </c>
      <c r="H506" s="10" t="s">
        <v>4386</v>
      </c>
      <c r="I506" s="11">
        <v>44742</v>
      </c>
    </row>
    <row r="507" spans="1:9" x14ac:dyDescent="0.2">
      <c r="A507" s="10">
        <v>3279</v>
      </c>
      <c r="B507" s="10" t="s">
        <v>7339</v>
      </c>
      <c r="C507" s="10" t="s">
        <v>4120</v>
      </c>
      <c r="D507" s="10" t="s">
        <v>4401</v>
      </c>
      <c r="E507" s="10" t="s">
        <v>7340</v>
      </c>
      <c r="F507" s="10" t="s">
        <v>7341</v>
      </c>
      <c r="G507" s="10" t="s">
        <v>7342</v>
      </c>
      <c r="H507" s="10" t="s">
        <v>4120</v>
      </c>
      <c r="I507" s="11">
        <v>45559</v>
      </c>
    </row>
    <row r="508" spans="1:9" x14ac:dyDescent="0.2">
      <c r="A508" s="10">
        <v>2450</v>
      </c>
      <c r="B508" s="10" t="s">
        <v>2829</v>
      </c>
      <c r="C508" s="10" t="s">
        <v>2830</v>
      </c>
      <c r="D508" s="10" t="s">
        <v>2831</v>
      </c>
      <c r="E508" s="10" t="s">
        <v>2832</v>
      </c>
      <c r="F508" s="10" t="s">
        <v>2833</v>
      </c>
      <c r="G508" s="10" t="s">
        <v>2834</v>
      </c>
      <c r="H508" s="10" t="s">
        <v>2830</v>
      </c>
      <c r="I508" s="11">
        <v>44284</v>
      </c>
    </row>
    <row r="509" spans="1:9" x14ac:dyDescent="0.2">
      <c r="A509" s="10">
        <v>2728</v>
      </c>
      <c r="B509" s="10" t="s">
        <v>4296</v>
      </c>
      <c r="C509" s="10" t="s">
        <v>4297</v>
      </c>
      <c r="D509" s="10" t="s">
        <v>4298</v>
      </c>
      <c r="E509" s="10" t="s">
        <v>4299</v>
      </c>
      <c r="F509" s="10" t="s">
        <v>4300</v>
      </c>
      <c r="G509" s="10" t="s">
        <v>4301</v>
      </c>
      <c r="H509" s="10" t="s">
        <v>4302</v>
      </c>
      <c r="I509" s="11">
        <v>44732</v>
      </c>
    </row>
    <row r="510" spans="1:9" x14ac:dyDescent="0.2">
      <c r="A510" s="10">
        <v>2306</v>
      </c>
      <c r="B510" s="10" t="s">
        <v>2273</v>
      </c>
      <c r="C510" s="10" t="s">
        <v>2274</v>
      </c>
      <c r="D510" s="10" t="s">
        <v>2275</v>
      </c>
      <c r="E510" s="10" t="s">
        <v>2276</v>
      </c>
      <c r="F510" s="10" t="s">
        <v>2277</v>
      </c>
      <c r="G510" s="10" t="s">
        <v>2278</v>
      </c>
      <c r="H510" s="10" t="s">
        <v>2274</v>
      </c>
      <c r="I510" s="11">
        <v>45896</v>
      </c>
    </row>
    <row r="511" spans="1:9" x14ac:dyDescent="0.2">
      <c r="A511" s="13">
        <v>3491</v>
      </c>
      <c r="B511" s="10" t="s">
        <v>8550</v>
      </c>
      <c r="C511" s="10" t="s">
        <v>8551</v>
      </c>
      <c r="D511" s="10" t="s">
        <v>391</v>
      </c>
      <c r="E511" s="10" t="s">
        <v>8552</v>
      </c>
      <c r="F511" s="10" t="s">
        <v>8553</v>
      </c>
      <c r="G511" s="10" t="s">
        <v>8554</v>
      </c>
      <c r="H511" s="10" t="s">
        <v>8551</v>
      </c>
      <c r="I511" s="11">
        <v>45834</v>
      </c>
    </row>
    <row r="512" spans="1:9" x14ac:dyDescent="0.2">
      <c r="A512" s="10">
        <v>2608</v>
      </c>
      <c r="B512" s="10" t="s">
        <v>3671</v>
      </c>
      <c r="C512" s="10" t="s">
        <v>3672</v>
      </c>
      <c r="D512" s="10" t="s">
        <v>3673</v>
      </c>
      <c r="E512" s="10" t="s">
        <v>3674</v>
      </c>
      <c r="F512" s="10" t="s">
        <v>3675</v>
      </c>
      <c r="G512" s="10" t="s">
        <v>3676</v>
      </c>
      <c r="H512" s="10" t="s">
        <v>3677</v>
      </c>
      <c r="I512" s="11">
        <v>44553</v>
      </c>
    </row>
    <row r="513" spans="1:9" x14ac:dyDescent="0.2">
      <c r="A513" s="10">
        <v>2439</v>
      </c>
      <c r="B513" s="10" t="s">
        <v>2777</v>
      </c>
      <c r="C513" s="10" t="s">
        <v>2778</v>
      </c>
      <c r="D513" s="10" t="s">
        <v>2779</v>
      </c>
      <c r="E513" s="10" t="s">
        <v>2780</v>
      </c>
      <c r="F513" s="10" t="s">
        <v>2781</v>
      </c>
      <c r="G513" s="10" t="s">
        <v>2782</v>
      </c>
      <c r="H513" s="10" t="s">
        <v>2778</v>
      </c>
      <c r="I513" s="11">
        <v>44280</v>
      </c>
    </row>
    <row r="514" spans="1:9" x14ac:dyDescent="0.2">
      <c r="A514" s="10">
        <v>3076</v>
      </c>
      <c r="B514" s="10" t="s">
        <v>6230</v>
      </c>
      <c r="C514" s="10" t="s">
        <v>6231</v>
      </c>
      <c r="D514" s="10" t="s">
        <v>6232</v>
      </c>
      <c r="E514" s="10" t="s">
        <v>6233</v>
      </c>
      <c r="F514" s="10" t="s">
        <v>6234</v>
      </c>
      <c r="G514" s="10" t="s">
        <v>6235</v>
      </c>
      <c r="H514" s="10" t="s">
        <v>6236</v>
      </c>
      <c r="I514" s="11">
        <v>45267</v>
      </c>
    </row>
    <row r="515" spans="1:9" x14ac:dyDescent="0.2">
      <c r="A515" s="10">
        <v>2884</v>
      </c>
      <c r="B515" s="10" t="s">
        <v>5170</v>
      </c>
      <c r="C515" s="10" t="s">
        <v>5171</v>
      </c>
      <c r="D515" s="10" t="s">
        <v>2797</v>
      </c>
      <c r="E515" s="10" t="s">
        <v>5172</v>
      </c>
      <c r="F515" s="10" t="s">
        <v>5173</v>
      </c>
      <c r="G515" s="10" t="s">
        <v>5174</v>
      </c>
      <c r="H515" s="10" t="s">
        <v>5175</v>
      </c>
      <c r="I515" s="11">
        <v>44998</v>
      </c>
    </row>
    <row r="516" spans="1:9" x14ac:dyDescent="0.2">
      <c r="A516" s="14">
        <v>3583</v>
      </c>
      <c r="B516" s="15" t="s">
        <v>9069</v>
      </c>
      <c r="C516" s="10" t="s">
        <v>35</v>
      </c>
      <c r="D516" s="15" t="s">
        <v>4631</v>
      </c>
      <c r="E516" s="10" t="s">
        <v>9070</v>
      </c>
      <c r="F516" s="10" t="s">
        <v>9071</v>
      </c>
      <c r="G516" s="10" t="s">
        <v>9072</v>
      </c>
      <c r="H516" s="10" t="s">
        <v>9073</v>
      </c>
      <c r="I516" s="11">
        <v>45965</v>
      </c>
    </row>
    <row r="517" spans="1:9" x14ac:dyDescent="0.2">
      <c r="A517" s="10">
        <v>2407</v>
      </c>
      <c r="B517" s="10" t="s">
        <v>2618</v>
      </c>
      <c r="C517" s="10" t="s">
        <v>2619</v>
      </c>
      <c r="D517" s="10" t="s">
        <v>2620</v>
      </c>
      <c r="E517" s="10" t="s">
        <v>2621</v>
      </c>
      <c r="F517" s="10" t="s">
        <v>2622</v>
      </c>
      <c r="G517" s="10" t="s">
        <v>2623</v>
      </c>
      <c r="H517" s="10" t="s">
        <v>2624</v>
      </c>
      <c r="I517" s="11">
        <v>44249</v>
      </c>
    </row>
    <row r="518" spans="1:9" x14ac:dyDescent="0.2">
      <c r="A518" s="10">
        <v>2844</v>
      </c>
      <c r="B518" s="10" t="s">
        <v>4938</v>
      </c>
      <c r="C518" s="10" t="s">
        <v>4939</v>
      </c>
      <c r="D518" s="10" t="s">
        <v>4940</v>
      </c>
      <c r="E518" s="10" t="s">
        <v>4941</v>
      </c>
      <c r="F518" s="10" t="s">
        <v>4942</v>
      </c>
      <c r="G518" s="10" t="s">
        <v>4943</v>
      </c>
      <c r="H518" s="10" t="s">
        <v>4939</v>
      </c>
      <c r="I518" s="11">
        <v>44914</v>
      </c>
    </row>
    <row r="519" spans="1:9" x14ac:dyDescent="0.2">
      <c r="A519" s="10">
        <v>2764</v>
      </c>
      <c r="B519" s="10" t="s">
        <v>4502</v>
      </c>
      <c r="C519" s="10" t="s">
        <v>4503</v>
      </c>
      <c r="D519" s="10" t="s">
        <v>4504</v>
      </c>
      <c r="E519" s="10" t="s">
        <v>4505</v>
      </c>
      <c r="F519" s="10" t="s">
        <v>4506</v>
      </c>
      <c r="G519" s="10" t="s">
        <v>4507</v>
      </c>
      <c r="H519" s="10" t="s">
        <v>4503</v>
      </c>
      <c r="I519" s="11">
        <v>44774</v>
      </c>
    </row>
    <row r="520" spans="1:9" x14ac:dyDescent="0.2">
      <c r="A520" s="10">
        <v>2737</v>
      </c>
      <c r="B520" s="10" t="s">
        <v>4345</v>
      </c>
      <c r="C520" s="10" t="s">
        <v>4346</v>
      </c>
      <c r="D520" s="10" t="s">
        <v>4347</v>
      </c>
      <c r="E520" s="10" t="s">
        <v>4348</v>
      </c>
      <c r="F520" s="10" t="s">
        <v>4349</v>
      </c>
      <c r="G520" s="10" t="s">
        <v>4350</v>
      </c>
      <c r="H520" s="10" t="s">
        <v>4346</v>
      </c>
      <c r="I520" s="11">
        <v>44735</v>
      </c>
    </row>
    <row r="521" spans="1:9" x14ac:dyDescent="0.2">
      <c r="A521" s="10">
        <v>3260</v>
      </c>
      <c r="B521" s="10" t="s">
        <v>7239</v>
      </c>
      <c r="C521" s="10" t="s">
        <v>7240</v>
      </c>
      <c r="D521" s="10" t="s">
        <v>4742</v>
      </c>
      <c r="E521" s="10" t="s">
        <v>7241</v>
      </c>
      <c r="F521" s="10" t="s">
        <v>7242</v>
      </c>
      <c r="G521" s="10" t="s">
        <v>7243</v>
      </c>
      <c r="H521" s="10" t="s">
        <v>7240</v>
      </c>
      <c r="I521" s="11">
        <v>45505</v>
      </c>
    </row>
    <row r="522" spans="1:9" x14ac:dyDescent="0.2">
      <c r="A522" s="10">
        <v>2406</v>
      </c>
      <c r="B522" s="10" t="s">
        <v>2612</v>
      </c>
      <c r="C522" s="10" t="s">
        <v>2613</v>
      </c>
      <c r="D522" s="10" t="s">
        <v>2614</v>
      </c>
      <c r="E522" s="10" t="s">
        <v>2615</v>
      </c>
      <c r="F522" s="10" t="s">
        <v>2616</v>
      </c>
      <c r="G522" s="10" t="s">
        <v>2617</v>
      </c>
      <c r="H522" s="10" t="s">
        <v>2613</v>
      </c>
      <c r="I522" s="11">
        <v>44249</v>
      </c>
    </row>
    <row r="523" spans="1:9" x14ac:dyDescent="0.2">
      <c r="A523" s="10">
        <v>3165</v>
      </c>
      <c r="B523" s="10" t="s">
        <v>6726</v>
      </c>
      <c r="C523" s="10" t="s">
        <v>35</v>
      </c>
      <c r="D523" s="10" t="s">
        <v>4826</v>
      </c>
      <c r="E523" s="10" t="s">
        <v>6727</v>
      </c>
      <c r="F523" s="10" t="s">
        <v>6728</v>
      </c>
      <c r="G523" s="10" t="s">
        <v>6729</v>
      </c>
      <c r="H523" s="10" t="s">
        <v>6730</v>
      </c>
      <c r="I523" s="11">
        <v>45379</v>
      </c>
    </row>
    <row r="524" spans="1:9" x14ac:dyDescent="0.2">
      <c r="A524" s="10">
        <v>2452</v>
      </c>
      <c r="B524" s="10" t="s">
        <v>2842</v>
      </c>
      <c r="C524" s="10" t="s">
        <v>35</v>
      </c>
      <c r="D524" s="10" t="s">
        <v>2843</v>
      </c>
      <c r="E524" s="10" t="s">
        <v>2844</v>
      </c>
      <c r="F524" s="10" t="s">
        <v>2845</v>
      </c>
      <c r="G524" s="10" t="s">
        <v>2846</v>
      </c>
      <c r="H524" s="10" t="s">
        <v>2847</v>
      </c>
      <c r="I524" s="11">
        <v>44298</v>
      </c>
    </row>
    <row r="525" spans="1:9" x14ac:dyDescent="0.2">
      <c r="A525" s="10">
        <v>3207</v>
      </c>
      <c r="B525" s="10" t="s">
        <v>6946</v>
      </c>
      <c r="C525" s="10" t="s">
        <v>35</v>
      </c>
      <c r="D525" s="10" t="s">
        <v>6947</v>
      </c>
      <c r="E525" s="10" t="s">
        <v>6948</v>
      </c>
      <c r="F525" s="10" t="s">
        <v>6949</v>
      </c>
      <c r="G525" s="10" t="s">
        <v>6950</v>
      </c>
      <c r="H525" s="10" t="s">
        <v>6951</v>
      </c>
      <c r="I525" s="11">
        <v>45439</v>
      </c>
    </row>
    <row r="526" spans="1:9" x14ac:dyDescent="0.2">
      <c r="A526" s="10">
        <v>2136</v>
      </c>
      <c r="B526" s="10" t="s">
        <v>1910</v>
      </c>
      <c r="C526" s="10" t="s">
        <v>1911</v>
      </c>
      <c r="D526" s="10" t="s">
        <v>1912</v>
      </c>
      <c r="E526" s="10" t="s">
        <v>1913</v>
      </c>
      <c r="F526" s="10" t="s">
        <v>1914</v>
      </c>
      <c r="G526" s="10" t="s">
        <v>1915</v>
      </c>
      <c r="H526" s="10" t="s">
        <v>1911</v>
      </c>
      <c r="I526" s="11">
        <v>45559</v>
      </c>
    </row>
    <row r="527" spans="1:9" x14ac:dyDescent="0.2">
      <c r="A527" s="10">
        <v>2859</v>
      </c>
      <c r="B527" s="10" t="s">
        <v>5024</v>
      </c>
      <c r="C527" s="10" t="s">
        <v>5025</v>
      </c>
      <c r="D527" s="10" t="s">
        <v>5026</v>
      </c>
      <c r="E527" s="10" t="s">
        <v>5027</v>
      </c>
      <c r="F527" s="10" t="s">
        <v>5028</v>
      </c>
      <c r="G527" s="10" t="s">
        <v>5029</v>
      </c>
      <c r="H527" s="10" t="s">
        <v>5025</v>
      </c>
      <c r="I527" s="11">
        <v>44963</v>
      </c>
    </row>
    <row r="528" spans="1:9" x14ac:dyDescent="0.2">
      <c r="A528" s="10">
        <v>3406</v>
      </c>
      <c r="B528" s="10" t="s">
        <v>8072</v>
      </c>
      <c r="C528" s="10" t="s">
        <v>8073</v>
      </c>
      <c r="D528" s="10" t="s">
        <v>8074</v>
      </c>
      <c r="E528" s="10" t="s">
        <v>8075</v>
      </c>
      <c r="F528" s="10" t="s">
        <v>8076</v>
      </c>
      <c r="G528" s="10" t="s">
        <v>8077</v>
      </c>
      <c r="H528" s="10" t="s">
        <v>8073</v>
      </c>
      <c r="I528" s="11">
        <v>45708</v>
      </c>
    </row>
    <row r="529" spans="1:9" x14ac:dyDescent="0.2">
      <c r="A529" s="10">
        <v>2560</v>
      </c>
      <c r="B529" s="10" t="s">
        <v>3401</v>
      </c>
      <c r="C529" s="10" t="s">
        <v>3402</v>
      </c>
      <c r="D529" s="10" t="s">
        <v>3403</v>
      </c>
      <c r="E529" s="10" t="s">
        <v>3404</v>
      </c>
      <c r="F529" s="10" t="s">
        <v>3405</v>
      </c>
      <c r="G529" s="10" t="s">
        <v>3406</v>
      </c>
      <c r="H529" s="10" t="s">
        <v>3407</v>
      </c>
      <c r="I529" s="11">
        <v>44448</v>
      </c>
    </row>
    <row r="530" spans="1:9" x14ac:dyDescent="0.2">
      <c r="A530" s="10">
        <v>2201</v>
      </c>
      <c r="B530" s="10" t="s">
        <v>2046</v>
      </c>
      <c r="C530" s="10" t="s">
        <v>2047</v>
      </c>
      <c r="D530" s="10" t="s">
        <v>2048</v>
      </c>
      <c r="E530" s="10" t="s">
        <v>2049</v>
      </c>
      <c r="F530" s="10" t="s">
        <v>2050</v>
      </c>
      <c r="G530" s="10" t="s">
        <v>2051</v>
      </c>
      <c r="H530" s="10" t="s">
        <v>2047</v>
      </c>
      <c r="I530" s="11">
        <v>45713</v>
      </c>
    </row>
    <row r="531" spans="1:9" x14ac:dyDescent="0.2">
      <c r="A531" s="10">
        <v>2308</v>
      </c>
      <c r="B531" s="10" t="s">
        <v>2279</v>
      </c>
      <c r="C531" s="10" t="s">
        <v>2280</v>
      </c>
      <c r="D531" s="10" t="s">
        <v>2281</v>
      </c>
      <c r="E531" s="10" t="s">
        <v>2282</v>
      </c>
      <c r="F531" s="10" t="s">
        <v>2283</v>
      </c>
      <c r="G531" s="10" t="s">
        <v>2284</v>
      </c>
      <c r="H531" s="10" t="s">
        <v>2280</v>
      </c>
      <c r="I531" s="11">
        <v>45907</v>
      </c>
    </row>
    <row r="532" spans="1:9" x14ac:dyDescent="0.2">
      <c r="A532" s="13">
        <v>3466</v>
      </c>
      <c r="B532" s="10" t="s">
        <v>8407</v>
      </c>
      <c r="C532" s="10" t="s">
        <v>35</v>
      </c>
      <c r="D532" s="10" t="s">
        <v>8408</v>
      </c>
      <c r="E532" s="10" t="s">
        <v>8409</v>
      </c>
      <c r="F532" s="10" t="s">
        <v>8410</v>
      </c>
      <c r="G532" s="10" t="s">
        <v>8411</v>
      </c>
      <c r="H532" s="10" t="s">
        <v>8412</v>
      </c>
      <c r="I532" s="11">
        <v>45775</v>
      </c>
    </row>
    <row r="533" spans="1:9" x14ac:dyDescent="0.2">
      <c r="A533" s="14">
        <v>3622</v>
      </c>
      <c r="B533" s="15" t="s">
        <v>9291</v>
      </c>
      <c r="C533" s="10" t="s">
        <v>9292</v>
      </c>
      <c r="D533" s="15" t="s">
        <v>6015</v>
      </c>
      <c r="E533" s="10" t="s">
        <v>9293</v>
      </c>
      <c r="F533" s="10" t="s">
        <v>9294</v>
      </c>
      <c r="G533" s="10" t="s">
        <v>9295</v>
      </c>
      <c r="H533" s="10" t="s">
        <v>9292</v>
      </c>
      <c r="I533" s="11">
        <v>45995</v>
      </c>
    </row>
    <row r="534" spans="1:9" x14ac:dyDescent="0.2">
      <c r="A534" s="10">
        <v>2224</v>
      </c>
      <c r="B534" s="10" t="s">
        <v>2098</v>
      </c>
      <c r="C534" s="10" t="s">
        <v>2099</v>
      </c>
      <c r="D534" s="10" t="s">
        <v>1348</v>
      </c>
      <c r="E534" s="10" t="s">
        <v>2100</v>
      </c>
      <c r="F534" s="10" t="s">
        <v>2101</v>
      </c>
      <c r="G534" s="10" t="s">
        <v>2102</v>
      </c>
      <c r="H534" s="10" t="s">
        <v>2099</v>
      </c>
      <c r="I534" s="11">
        <v>45770</v>
      </c>
    </row>
    <row r="535" spans="1:9" x14ac:dyDescent="0.2">
      <c r="A535" s="10">
        <v>2685</v>
      </c>
      <c r="B535" s="10" t="s">
        <v>4075</v>
      </c>
      <c r="C535" s="10" t="s">
        <v>4076</v>
      </c>
      <c r="D535" s="10" t="s">
        <v>4077</v>
      </c>
      <c r="E535" s="10" t="s">
        <v>4078</v>
      </c>
      <c r="F535" s="10" t="s">
        <v>4079</v>
      </c>
      <c r="G535" s="10" t="s">
        <v>4080</v>
      </c>
      <c r="H535" s="10" t="s">
        <v>4076</v>
      </c>
      <c r="I535" s="11">
        <v>44669</v>
      </c>
    </row>
    <row r="536" spans="1:9" x14ac:dyDescent="0.2">
      <c r="A536" s="10">
        <v>2252</v>
      </c>
      <c r="B536" s="10" t="s">
        <v>2153</v>
      </c>
      <c r="C536" s="10" t="s">
        <v>2154</v>
      </c>
      <c r="D536" s="10" t="s">
        <v>2155</v>
      </c>
      <c r="E536" s="10" t="s">
        <v>2156</v>
      </c>
      <c r="F536" s="10" t="s">
        <v>2157</v>
      </c>
      <c r="G536" s="10" t="s">
        <v>2158</v>
      </c>
      <c r="H536" s="10" t="s">
        <v>2159</v>
      </c>
      <c r="I536" s="11">
        <v>45809</v>
      </c>
    </row>
    <row r="537" spans="1:9" x14ac:dyDescent="0.2">
      <c r="A537" s="10">
        <v>3357</v>
      </c>
      <c r="B537" s="10" t="s">
        <v>7795</v>
      </c>
      <c r="C537" s="10" t="s">
        <v>35</v>
      </c>
      <c r="D537" s="10" t="s">
        <v>1936</v>
      </c>
      <c r="E537" s="10" t="s">
        <v>7796</v>
      </c>
      <c r="F537" s="10" t="s">
        <v>7797</v>
      </c>
      <c r="G537" s="10" t="s">
        <v>7798</v>
      </c>
      <c r="H537" s="10" t="s">
        <v>7799</v>
      </c>
      <c r="I537" s="12">
        <v>45638</v>
      </c>
    </row>
    <row r="538" spans="1:9" x14ac:dyDescent="0.2">
      <c r="A538" s="10">
        <v>2666</v>
      </c>
      <c r="B538" s="10" t="s">
        <v>3974</v>
      </c>
      <c r="C538" s="10" t="s">
        <v>3973</v>
      </c>
      <c r="D538" s="10" t="s">
        <v>3975</v>
      </c>
      <c r="E538" s="10" t="s">
        <v>3976</v>
      </c>
      <c r="F538" s="10" t="s">
        <v>3977</v>
      </c>
      <c r="G538" s="10" t="s">
        <v>3978</v>
      </c>
      <c r="H538" s="10" t="s">
        <v>3973</v>
      </c>
      <c r="I538" s="11">
        <v>44644</v>
      </c>
    </row>
    <row r="539" spans="1:9" x14ac:dyDescent="0.2">
      <c r="A539" s="10">
        <v>2878</v>
      </c>
      <c r="B539" s="10" t="s">
        <v>5139</v>
      </c>
      <c r="C539" s="10" t="s">
        <v>5140</v>
      </c>
      <c r="D539" s="10" t="s">
        <v>36</v>
      </c>
      <c r="E539" s="10" t="s">
        <v>5141</v>
      </c>
      <c r="F539" s="10" t="s">
        <v>5142</v>
      </c>
      <c r="G539" s="10" t="s">
        <v>5143</v>
      </c>
      <c r="H539" s="10" t="s">
        <v>5140</v>
      </c>
      <c r="I539" s="11">
        <v>44991</v>
      </c>
    </row>
    <row r="540" spans="1:9" x14ac:dyDescent="0.2">
      <c r="A540" s="10">
        <v>2634</v>
      </c>
      <c r="B540" s="10" t="s">
        <v>3805</v>
      </c>
      <c r="C540" s="10" t="s">
        <v>3806</v>
      </c>
      <c r="D540" s="10" t="s">
        <v>3807</v>
      </c>
      <c r="E540" s="10" t="s">
        <v>3808</v>
      </c>
      <c r="F540" s="10" t="s">
        <v>3809</v>
      </c>
      <c r="G540" s="10" t="s">
        <v>3810</v>
      </c>
      <c r="H540" s="10" t="s">
        <v>3811</v>
      </c>
      <c r="I540" s="11">
        <v>44585</v>
      </c>
    </row>
    <row r="541" spans="1:9" x14ac:dyDescent="0.2">
      <c r="A541" s="14">
        <v>3610</v>
      </c>
      <c r="B541" s="15" t="s">
        <v>9220</v>
      </c>
      <c r="C541" s="10" t="s">
        <v>9221</v>
      </c>
      <c r="D541" s="15" t="s">
        <v>9222</v>
      </c>
      <c r="E541" s="10" t="s">
        <v>9223</v>
      </c>
      <c r="F541" s="10" t="s">
        <v>9224</v>
      </c>
      <c r="G541" s="10" t="s">
        <v>9225</v>
      </c>
      <c r="H541" s="10" t="s">
        <v>9226</v>
      </c>
      <c r="I541" s="11">
        <v>45995</v>
      </c>
    </row>
    <row r="542" spans="1:9" x14ac:dyDescent="0.2">
      <c r="A542" s="10">
        <v>1538</v>
      </c>
      <c r="B542" s="10" t="s">
        <v>805</v>
      </c>
      <c r="C542" s="10" t="s">
        <v>806</v>
      </c>
      <c r="D542" s="10" t="s">
        <v>807</v>
      </c>
      <c r="E542" s="10" t="s">
        <v>808</v>
      </c>
      <c r="F542" s="10" t="s">
        <v>809</v>
      </c>
      <c r="G542" s="10" t="s">
        <v>810</v>
      </c>
      <c r="H542" s="10" t="s">
        <v>806</v>
      </c>
      <c r="I542" s="11">
        <v>44251</v>
      </c>
    </row>
    <row r="543" spans="1:9" x14ac:dyDescent="0.2">
      <c r="A543" s="10">
        <v>2462</v>
      </c>
      <c r="B543" s="10" t="s">
        <v>2896</v>
      </c>
      <c r="C543" s="10" t="s">
        <v>2897</v>
      </c>
      <c r="D543" s="10" t="s">
        <v>554</v>
      </c>
      <c r="E543" s="10" t="s">
        <v>2898</v>
      </c>
      <c r="F543" s="10" t="s">
        <v>2899</v>
      </c>
      <c r="G543" s="10" t="s">
        <v>2900</v>
      </c>
      <c r="H543" s="10" t="s">
        <v>2901</v>
      </c>
      <c r="I543" s="11">
        <v>44305</v>
      </c>
    </row>
    <row r="544" spans="1:9" x14ac:dyDescent="0.2">
      <c r="A544" s="10">
        <v>1909</v>
      </c>
      <c r="B544" s="10" t="s">
        <v>1536</v>
      </c>
      <c r="C544" s="10" t="s">
        <v>35</v>
      </c>
      <c r="D544" s="10" t="s">
        <v>1537</v>
      </c>
      <c r="E544" s="10" t="s">
        <v>1538</v>
      </c>
      <c r="F544" s="10" t="s">
        <v>1539</v>
      </c>
      <c r="G544" s="10" t="s">
        <v>1540</v>
      </c>
      <c r="H544" s="10" t="s">
        <v>1541</v>
      </c>
      <c r="I544" s="11">
        <v>45074</v>
      </c>
    </row>
    <row r="545" spans="1:9" x14ac:dyDescent="0.2">
      <c r="A545" s="13">
        <v>3490</v>
      </c>
      <c r="B545" s="10" t="s">
        <v>8544</v>
      </c>
      <c r="C545" s="10" t="s">
        <v>8545</v>
      </c>
      <c r="D545" s="10" t="s">
        <v>8546</v>
      </c>
      <c r="E545" s="10" t="s">
        <v>8547</v>
      </c>
      <c r="F545" s="10" t="s">
        <v>8548</v>
      </c>
      <c r="G545" s="10" t="s">
        <v>8549</v>
      </c>
      <c r="H545" s="10" t="s">
        <v>8545</v>
      </c>
      <c r="I545" s="11">
        <v>45834</v>
      </c>
    </row>
    <row r="546" spans="1:9" x14ac:dyDescent="0.2">
      <c r="A546" s="10">
        <v>1737</v>
      </c>
      <c r="B546" s="10" t="s">
        <v>1165</v>
      </c>
      <c r="C546" s="10" t="s">
        <v>1166</v>
      </c>
      <c r="D546" s="10" t="s">
        <v>1167</v>
      </c>
      <c r="E546" s="10" t="s">
        <v>1168</v>
      </c>
      <c r="F546" s="10" t="s">
        <v>1169</v>
      </c>
      <c r="G546" s="10" t="s">
        <v>1170</v>
      </c>
      <c r="H546" s="10" t="s">
        <v>1166</v>
      </c>
      <c r="I546" s="11">
        <v>44689</v>
      </c>
    </row>
    <row r="547" spans="1:9" x14ac:dyDescent="0.2">
      <c r="A547" s="10">
        <v>3291</v>
      </c>
      <c r="B547" s="10" t="s">
        <v>7406</v>
      </c>
      <c r="C547" s="10" t="s">
        <v>7407</v>
      </c>
      <c r="D547" s="10" t="s">
        <v>1099</v>
      </c>
      <c r="E547" s="10" t="s">
        <v>7408</v>
      </c>
      <c r="F547" s="10" t="s">
        <v>7409</v>
      </c>
      <c r="G547" s="10" t="s">
        <v>7410</v>
      </c>
      <c r="H547" s="10" t="s">
        <v>7411</v>
      </c>
      <c r="I547" s="11">
        <v>45559</v>
      </c>
    </row>
    <row r="548" spans="1:9" x14ac:dyDescent="0.2">
      <c r="A548" s="10">
        <v>1891</v>
      </c>
      <c r="B548" s="10" t="s">
        <v>1484</v>
      </c>
      <c r="C548" s="10" t="s">
        <v>1485</v>
      </c>
      <c r="D548" s="10" t="s">
        <v>1486</v>
      </c>
      <c r="E548" s="10" t="s">
        <v>1487</v>
      </c>
      <c r="F548" s="10" t="s">
        <v>1488</v>
      </c>
      <c r="G548" s="10" t="s">
        <v>1489</v>
      </c>
      <c r="H548" s="10" t="s">
        <v>1490</v>
      </c>
      <c r="I548" s="11">
        <v>45039</v>
      </c>
    </row>
    <row r="549" spans="1:9" x14ac:dyDescent="0.2">
      <c r="A549" s="10">
        <v>2853</v>
      </c>
      <c r="B549" s="10" t="s">
        <v>4988</v>
      </c>
      <c r="C549" s="10" t="s">
        <v>4989</v>
      </c>
      <c r="D549" s="10" t="s">
        <v>4990</v>
      </c>
      <c r="E549" s="10" t="s">
        <v>4991</v>
      </c>
      <c r="F549" s="10" t="s">
        <v>4992</v>
      </c>
      <c r="G549" s="10" t="s">
        <v>4993</v>
      </c>
      <c r="H549" s="10" t="s">
        <v>4989</v>
      </c>
      <c r="I549" s="11">
        <v>44945</v>
      </c>
    </row>
    <row r="550" spans="1:9" x14ac:dyDescent="0.2">
      <c r="A550" s="10">
        <v>2824</v>
      </c>
      <c r="B550" s="10" t="s">
        <v>4837</v>
      </c>
      <c r="C550" s="10" t="s">
        <v>4838</v>
      </c>
      <c r="D550" s="10" t="s">
        <v>2944</v>
      </c>
      <c r="E550" s="10" t="s">
        <v>4839</v>
      </c>
      <c r="F550" s="10" t="s">
        <v>4840</v>
      </c>
      <c r="G550" s="10" t="s">
        <v>4841</v>
      </c>
      <c r="H550" s="10" t="s">
        <v>4838</v>
      </c>
      <c r="I550" s="11">
        <v>44896</v>
      </c>
    </row>
    <row r="551" spans="1:9" x14ac:dyDescent="0.2">
      <c r="A551" s="10">
        <v>2032</v>
      </c>
      <c r="B551" s="10" t="s">
        <v>1734</v>
      </c>
      <c r="C551" s="10" t="s">
        <v>1735</v>
      </c>
      <c r="D551" s="10" t="s">
        <v>1736</v>
      </c>
      <c r="E551" s="10" t="s">
        <v>1737</v>
      </c>
      <c r="F551" s="10" t="s">
        <v>1738</v>
      </c>
      <c r="G551" s="10" t="s">
        <v>1739</v>
      </c>
      <c r="H551" s="10" t="s">
        <v>1735</v>
      </c>
      <c r="I551" s="11">
        <v>45390</v>
      </c>
    </row>
    <row r="552" spans="1:9" x14ac:dyDescent="0.2">
      <c r="A552" s="10">
        <v>2206</v>
      </c>
      <c r="B552" s="10" t="s">
        <v>2058</v>
      </c>
      <c r="C552" s="10" t="s">
        <v>2059</v>
      </c>
      <c r="D552" s="10" t="s">
        <v>933</v>
      </c>
      <c r="E552" s="10" t="s">
        <v>2060</v>
      </c>
      <c r="F552" s="10" t="s">
        <v>2061</v>
      </c>
      <c r="G552" s="10" t="s">
        <v>2062</v>
      </c>
      <c r="H552" s="10" t="s">
        <v>2059</v>
      </c>
      <c r="I552" s="11">
        <v>45725</v>
      </c>
    </row>
    <row r="553" spans="1:9" x14ac:dyDescent="0.2">
      <c r="A553" s="10">
        <v>2195</v>
      </c>
      <c r="B553" s="10" t="s">
        <v>2041</v>
      </c>
      <c r="C553" s="10" t="s">
        <v>2042</v>
      </c>
      <c r="D553" s="10" t="s">
        <v>770</v>
      </c>
      <c r="E553" s="10" t="s">
        <v>2043</v>
      </c>
      <c r="F553" s="10" t="s">
        <v>2044</v>
      </c>
      <c r="G553" s="10" t="s">
        <v>2045</v>
      </c>
      <c r="H553" s="10" t="s">
        <v>2042</v>
      </c>
      <c r="I553" s="11">
        <v>45691</v>
      </c>
    </row>
    <row r="554" spans="1:9" x14ac:dyDescent="0.2">
      <c r="A554" s="10">
        <v>2591</v>
      </c>
      <c r="B554" s="10" t="s">
        <v>3567</v>
      </c>
      <c r="C554" s="10" t="s">
        <v>3568</v>
      </c>
      <c r="D554" s="10" t="s">
        <v>433</v>
      </c>
      <c r="E554" s="10" t="s">
        <v>3569</v>
      </c>
      <c r="F554" s="10" t="s">
        <v>3570</v>
      </c>
      <c r="G554" s="10" t="s">
        <v>3571</v>
      </c>
      <c r="H554" s="10" t="s">
        <v>3568</v>
      </c>
      <c r="I554" s="11">
        <v>44529</v>
      </c>
    </row>
    <row r="555" spans="1:9" x14ac:dyDescent="0.2">
      <c r="A555" s="10">
        <v>545</v>
      </c>
      <c r="B555" s="10" t="s">
        <v>205</v>
      </c>
      <c r="C555" s="10" t="s">
        <v>206</v>
      </c>
      <c r="D555" s="10" t="s">
        <v>207</v>
      </c>
      <c r="E555" s="10" t="s">
        <v>208</v>
      </c>
      <c r="F555" s="10" t="s">
        <v>209</v>
      </c>
      <c r="G555" s="10" t="s">
        <v>210</v>
      </c>
      <c r="H555" s="10" t="s">
        <v>206</v>
      </c>
      <c r="I555" s="11">
        <v>44261</v>
      </c>
    </row>
    <row r="556" spans="1:9" x14ac:dyDescent="0.2">
      <c r="A556" s="10">
        <v>3350</v>
      </c>
      <c r="B556" s="10" t="s">
        <v>7751</v>
      </c>
      <c r="C556" s="10" t="s">
        <v>7752</v>
      </c>
      <c r="D556" s="10" t="s">
        <v>7753</v>
      </c>
      <c r="E556" s="10" t="s">
        <v>7754</v>
      </c>
      <c r="F556" s="10" t="s">
        <v>7755</v>
      </c>
      <c r="G556" s="10" t="s">
        <v>7756</v>
      </c>
      <c r="H556" s="10" t="s">
        <v>7757</v>
      </c>
      <c r="I556" s="11">
        <v>45628</v>
      </c>
    </row>
    <row r="557" spans="1:9" x14ac:dyDescent="0.2">
      <c r="A557" s="10">
        <v>1586</v>
      </c>
      <c r="B557" s="10" t="s">
        <v>895</v>
      </c>
      <c r="C557" s="10" t="s">
        <v>896</v>
      </c>
      <c r="D557" s="10" t="s">
        <v>897</v>
      </c>
      <c r="E557" s="10" t="s">
        <v>898</v>
      </c>
      <c r="F557" s="10" t="s">
        <v>899</v>
      </c>
      <c r="G557" s="10" t="s">
        <v>900</v>
      </c>
      <c r="H557" s="10" t="s">
        <v>896</v>
      </c>
      <c r="I557" s="11">
        <v>44360</v>
      </c>
    </row>
    <row r="558" spans="1:9" x14ac:dyDescent="0.2">
      <c r="A558" s="10">
        <v>3097</v>
      </c>
      <c r="B558" s="10" t="s">
        <v>6355</v>
      </c>
      <c r="C558" s="10" t="s">
        <v>6356</v>
      </c>
      <c r="D558" s="10" t="s">
        <v>6357</v>
      </c>
      <c r="E558" s="10" t="s">
        <v>6358</v>
      </c>
      <c r="F558" s="10" t="s">
        <v>6359</v>
      </c>
      <c r="G558" s="10" t="s">
        <v>6360</v>
      </c>
      <c r="H558" s="10" t="s">
        <v>6361</v>
      </c>
      <c r="I558" s="11">
        <v>45285</v>
      </c>
    </row>
    <row r="559" spans="1:9" x14ac:dyDescent="0.2">
      <c r="A559" s="10">
        <v>2485</v>
      </c>
      <c r="B559" s="10" t="s">
        <v>3021</v>
      </c>
      <c r="C559" s="10" t="s">
        <v>3022</v>
      </c>
      <c r="D559" s="10" t="s">
        <v>1186</v>
      </c>
      <c r="E559" s="10" t="s">
        <v>3023</v>
      </c>
      <c r="F559" s="10" t="s">
        <v>3024</v>
      </c>
      <c r="G559" s="10" t="s">
        <v>3025</v>
      </c>
      <c r="H559" s="10" t="s">
        <v>3022</v>
      </c>
      <c r="I559" s="11">
        <v>44336</v>
      </c>
    </row>
    <row r="560" spans="1:9" x14ac:dyDescent="0.2">
      <c r="A560" s="10">
        <v>2607</v>
      </c>
      <c r="B560" s="10" t="s">
        <v>3665</v>
      </c>
      <c r="C560" s="10" t="s">
        <v>3666</v>
      </c>
      <c r="D560" s="10" t="s">
        <v>3667</v>
      </c>
      <c r="E560" s="10" t="s">
        <v>3668</v>
      </c>
      <c r="F560" s="10" t="s">
        <v>3669</v>
      </c>
      <c r="G560" s="10" t="s">
        <v>3670</v>
      </c>
      <c r="H560" s="10" t="s">
        <v>3666</v>
      </c>
      <c r="I560" s="11">
        <v>44550</v>
      </c>
    </row>
    <row r="561" spans="1:9" x14ac:dyDescent="0.2">
      <c r="A561" s="10">
        <v>2024</v>
      </c>
      <c r="B561" s="10" t="s">
        <v>1714</v>
      </c>
      <c r="C561" s="10" t="s">
        <v>1715</v>
      </c>
      <c r="D561" s="10" t="s">
        <v>1716</v>
      </c>
      <c r="E561" s="10" t="s">
        <v>1717</v>
      </c>
      <c r="F561" s="10" t="s">
        <v>1718</v>
      </c>
      <c r="G561" s="10" t="s">
        <v>1719</v>
      </c>
      <c r="H561" s="10" t="s">
        <v>1715</v>
      </c>
      <c r="I561" s="11">
        <v>45355</v>
      </c>
    </row>
    <row r="562" spans="1:9" x14ac:dyDescent="0.2">
      <c r="A562" s="10">
        <v>3257</v>
      </c>
      <c r="B562" s="10" t="s">
        <v>7221</v>
      </c>
      <c r="C562" s="10" t="s">
        <v>7222</v>
      </c>
      <c r="D562" s="10" t="s">
        <v>1161</v>
      </c>
      <c r="E562" s="10" t="s">
        <v>7223</v>
      </c>
      <c r="F562" s="10" t="s">
        <v>7224</v>
      </c>
      <c r="G562" s="10" t="s">
        <v>7225</v>
      </c>
      <c r="H562" s="10" t="s">
        <v>7226</v>
      </c>
      <c r="I562" s="11">
        <v>45517</v>
      </c>
    </row>
    <row r="563" spans="1:9" x14ac:dyDescent="0.2">
      <c r="A563" s="10">
        <v>2705</v>
      </c>
      <c r="B563" s="10" t="s">
        <v>4185</v>
      </c>
      <c r="C563" s="10" t="s">
        <v>4186</v>
      </c>
      <c r="D563" s="10" t="s">
        <v>4187</v>
      </c>
      <c r="E563" s="10" t="s">
        <v>4188</v>
      </c>
      <c r="F563" s="10" t="s">
        <v>4189</v>
      </c>
      <c r="G563" s="10" t="s">
        <v>4190</v>
      </c>
      <c r="H563" s="10" t="s">
        <v>4186</v>
      </c>
      <c r="I563" s="11">
        <v>44711</v>
      </c>
    </row>
    <row r="564" spans="1:9" x14ac:dyDescent="0.2">
      <c r="A564" s="10">
        <v>2578</v>
      </c>
      <c r="B564" s="10" t="s">
        <v>3499</v>
      </c>
      <c r="C564" s="10" t="s">
        <v>3500</v>
      </c>
      <c r="D564" s="10" t="s">
        <v>3501</v>
      </c>
      <c r="E564" s="10" t="s">
        <v>3502</v>
      </c>
      <c r="F564" s="10" t="s">
        <v>3503</v>
      </c>
      <c r="G564" s="10" t="s">
        <v>3504</v>
      </c>
      <c r="H564" s="10" t="s">
        <v>3505</v>
      </c>
      <c r="I564" s="11">
        <v>44508</v>
      </c>
    </row>
    <row r="565" spans="1:9" x14ac:dyDescent="0.2">
      <c r="A565" s="10">
        <v>2984</v>
      </c>
      <c r="B565" s="10" t="s">
        <v>5724</v>
      </c>
      <c r="C565" s="10" t="s">
        <v>5725</v>
      </c>
      <c r="D565" s="10" t="s">
        <v>3410</v>
      </c>
      <c r="E565" s="10" t="s">
        <v>5726</v>
      </c>
      <c r="F565" s="10" t="s">
        <v>5727</v>
      </c>
      <c r="G565" s="10" t="s">
        <v>5728</v>
      </c>
      <c r="H565" s="10" t="s">
        <v>5725</v>
      </c>
      <c r="I565" s="11">
        <v>45145</v>
      </c>
    </row>
    <row r="566" spans="1:9" x14ac:dyDescent="0.2">
      <c r="A566" s="10">
        <v>2536</v>
      </c>
      <c r="B566" s="10" t="s">
        <v>3270</v>
      </c>
      <c r="C566" s="10" t="s">
        <v>3271</v>
      </c>
      <c r="D566" s="10" t="s">
        <v>3272</v>
      </c>
      <c r="E566" s="10" t="s">
        <v>3273</v>
      </c>
      <c r="F566" s="10" t="s">
        <v>3274</v>
      </c>
      <c r="G566" s="10" t="s">
        <v>3275</v>
      </c>
      <c r="H566" s="10" t="s">
        <v>3271</v>
      </c>
      <c r="I566" s="11">
        <v>44378</v>
      </c>
    </row>
    <row r="567" spans="1:9" x14ac:dyDescent="0.2">
      <c r="A567" s="10">
        <v>2357</v>
      </c>
      <c r="B567" s="10" t="s">
        <v>2370</v>
      </c>
      <c r="C567" s="10" t="s">
        <v>2371</v>
      </c>
      <c r="D567" s="10" t="s">
        <v>764</v>
      </c>
      <c r="E567" s="10" t="s">
        <v>2372</v>
      </c>
      <c r="F567" s="10" t="s">
        <v>2373</v>
      </c>
      <c r="G567" s="10" t="s">
        <v>2374</v>
      </c>
      <c r="H567" s="10" t="s">
        <v>2375</v>
      </c>
      <c r="I567" s="11">
        <v>45987</v>
      </c>
    </row>
    <row r="568" spans="1:9" x14ac:dyDescent="0.2">
      <c r="A568" s="10">
        <v>3300</v>
      </c>
      <c r="B568" s="10" t="s">
        <v>7456</v>
      </c>
      <c r="C568" s="10" t="s">
        <v>7457</v>
      </c>
      <c r="D568" s="10" t="s">
        <v>7458</v>
      </c>
      <c r="E568" s="10" t="s">
        <v>7459</v>
      </c>
      <c r="F568" s="10" t="s">
        <v>7460</v>
      </c>
      <c r="G568" s="10" t="s">
        <v>7461</v>
      </c>
      <c r="H568" s="10" t="s">
        <v>7462</v>
      </c>
      <c r="I568" s="11">
        <v>45568</v>
      </c>
    </row>
    <row r="569" spans="1:9" x14ac:dyDescent="0.2">
      <c r="A569" s="10">
        <v>2392</v>
      </c>
      <c r="B569" s="10" t="s">
        <v>2532</v>
      </c>
      <c r="C569" s="10" t="s">
        <v>2533</v>
      </c>
      <c r="D569" s="10" t="s">
        <v>2534</v>
      </c>
      <c r="E569" s="10" t="s">
        <v>2535</v>
      </c>
      <c r="F569" s="10" t="s">
        <v>2536</v>
      </c>
      <c r="G569" s="10" t="s">
        <v>2537</v>
      </c>
      <c r="H569" s="10" t="s">
        <v>2538</v>
      </c>
      <c r="I569" s="11">
        <v>44224</v>
      </c>
    </row>
    <row r="570" spans="1:9" x14ac:dyDescent="0.2">
      <c r="A570" s="10">
        <v>3216</v>
      </c>
      <c r="B570" s="10" t="s">
        <v>6986</v>
      </c>
      <c r="C570" s="10" t="s">
        <v>6987</v>
      </c>
      <c r="D570" s="10" t="s">
        <v>540</v>
      </c>
      <c r="E570" s="10" t="s">
        <v>6988</v>
      </c>
      <c r="F570" s="10" t="s">
        <v>6989</v>
      </c>
      <c r="G570" s="10" t="s">
        <v>6990</v>
      </c>
      <c r="H570" s="10" t="s">
        <v>6991</v>
      </c>
      <c r="I570" s="11">
        <v>45442</v>
      </c>
    </row>
    <row r="571" spans="1:9" x14ac:dyDescent="0.2">
      <c r="A571" s="10">
        <v>2914</v>
      </c>
      <c r="B571" s="10" t="s">
        <v>5342</v>
      </c>
      <c r="C571" s="10" t="s">
        <v>35</v>
      </c>
      <c r="D571" s="10" t="s">
        <v>5343</v>
      </c>
      <c r="E571" s="10" t="s">
        <v>5344</v>
      </c>
      <c r="F571" s="10" t="s">
        <v>5345</v>
      </c>
      <c r="G571" s="10" t="s">
        <v>5346</v>
      </c>
      <c r="H571" s="10" t="s">
        <v>5341</v>
      </c>
      <c r="I571" s="11">
        <v>45047</v>
      </c>
    </row>
    <row r="572" spans="1:9" x14ac:dyDescent="0.2">
      <c r="A572" s="10">
        <v>2505</v>
      </c>
      <c r="B572" s="10" t="s">
        <v>3134</v>
      </c>
      <c r="C572" s="10" t="s">
        <v>35</v>
      </c>
      <c r="D572" s="10" t="s">
        <v>3135</v>
      </c>
      <c r="E572" s="10" t="s">
        <v>3136</v>
      </c>
      <c r="F572" s="10" t="s">
        <v>3137</v>
      </c>
      <c r="G572" s="10" t="s">
        <v>3138</v>
      </c>
      <c r="H572" s="10" t="s">
        <v>3139</v>
      </c>
      <c r="I572" s="11">
        <v>44336</v>
      </c>
    </row>
    <row r="573" spans="1:9" x14ac:dyDescent="0.2">
      <c r="A573" s="10">
        <v>2551</v>
      </c>
      <c r="B573" s="10" t="s">
        <v>3358</v>
      </c>
      <c r="C573" s="10" t="s">
        <v>35</v>
      </c>
      <c r="D573" s="10" t="s">
        <v>3359</v>
      </c>
      <c r="E573" s="10" t="s">
        <v>3360</v>
      </c>
      <c r="F573" s="10" t="s">
        <v>3361</v>
      </c>
      <c r="G573" s="10" t="s">
        <v>3362</v>
      </c>
      <c r="H573" s="10" t="s">
        <v>3363</v>
      </c>
      <c r="I573" s="11">
        <v>44434</v>
      </c>
    </row>
    <row r="574" spans="1:9" x14ac:dyDescent="0.2">
      <c r="A574" s="10">
        <v>29</v>
      </c>
      <c r="B574" s="10" t="s">
        <v>34</v>
      </c>
      <c r="C574" s="10" t="s">
        <v>35</v>
      </c>
      <c r="D574" s="10" t="s">
        <v>36</v>
      </c>
      <c r="E574" s="10" t="s">
        <v>37</v>
      </c>
      <c r="F574" s="10" t="s">
        <v>38</v>
      </c>
      <c r="G574" s="10" t="s">
        <v>39</v>
      </c>
      <c r="H574" s="10" t="s">
        <v>40</v>
      </c>
      <c r="I574" s="11">
        <v>44452</v>
      </c>
    </row>
    <row r="575" spans="1:9" x14ac:dyDescent="0.2">
      <c r="A575" s="10">
        <v>2903</v>
      </c>
      <c r="B575" s="10" t="s">
        <v>5284</v>
      </c>
      <c r="C575" s="10" t="s">
        <v>5285</v>
      </c>
      <c r="D575" s="10" t="s">
        <v>4965</v>
      </c>
      <c r="E575" s="10" t="s">
        <v>5286</v>
      </c>
      <c r="F575" s="10" t="s">
        <v>5287</v>
      </c>
      <c r="G575" s="10" t="s">
        <v>5288</v>
      </c>
      <c r="H575" s="10" t="s">
        <v>5289</v>
      </c>
      <c r="I575" s="11">
        <v>45040</v>
      </c>
    </row>
    <row r="576" spans="1:9" x14ac:dyDescent="0.2">
      <c r="A576" s="13">
        <v>3452</v>
      </c>
      <c r="B576" s="10" t="s">
        <v>8331</v>
      </c>
      <c r="C576" s="10" t="s">
        <v>8332</v>
      </c>
      <c r="D576" s="10" t="s">
        <v>144</v>
      </c>
      <c r="E576" s="10" t="s">
        <v>8333</v>
      </c>
      <c r="F576" s="10" t="s">
        <v>8334</v>
      </c>
      <c r="G576" s="10" t="s">
        <v>8335</v>
      </c>
      <c r="H576" s="10" t="s">
        <v>8336</v>
      </c>
      <c r="I576" s="11">
        <v>45789</v>
      </c>
    </row>
    <row r="577" spans="1:9" x14ac:dyDescent="0.2">
      <c r="A577" s="10">
        <v>2524</v>
      </c>
      <c r="B577" s="10" t="s">
        <v>3208</v>
      </c>
      <c r="C577" s="10" t="s">
        <v>3209</v>
      </c>
      <c r="D577" s="10" t="s">
        <v>3210</v>
      </c>
      <c r="E577" s="10" t="s">
        <v>3211</v>
      </c>
      <c r="F577" s="10" t="s">
        <v>3212</v>
      </c>
      <c r="G577" s="10" t="s">
        <v>3213</v>
      </c>
      <c r="H577" s="10" t="s">
        <v>3214</v>
      </c>
      <c r="I577" s="11">
        <v>44364</v>
      </c>
    </row>
    <row r="578" spans="1:9" x14ac:dyDescent="0.2">
      <c r="A578" s="10">
        <v>2594</v>
      </c>
      <c r="B578" s="10" t="s">
        <v>3584</v>
      </c>
      <c r="C578" s="10" t="s">
        <v>3585</v>
      </c>
      <c r="D578" s="10" t="s">
        <v>3586</v>
      </c>
      <c r="E578" s="10" t="s">
        <v>3587</v>
      </c>
      <c r="F578" s="10" t="s">
        <v>3588</v>
      </c>
      <c r="G578" s="10" t="s">
        <v>3589</v>
      </c>
      <c r="H578" s="10" t="s">
        <v>3585</v>
      </c>
      <c r="I578" s="11">
        <v>44532</v>
      </c>
    </row>
    <row r="579" spans="1:9" x14ac:dyDescent="0.2">
      <c r="A579" s="10">
        <v>2650</v>
      </c>
      <c r="B579" s="10" t="s">
        <v>3887</v>
      </c>
      <c r="C579" s="10" t="s">
        <v>3888</v>
      </c>
      <c r="D579" s="10" t="s">
        <v>3889</v>
      </c>
      <c r="E579" s="10" t="s">
        <v>3890</v>
      </c>
      <c r="F579" s="10" t="s">
        <v>3891</v>
      </c>
      <c r="G579" s="10" t="s">
        <v>3892</v>
      </c>
      <c r="H579" s="10" t="s">
        <v>3888</v>
      </c>
      <c r="I579" s="11">
        <v>44613</v>
      </c>
    </row>
    <row r="580" spans="1:9" x14ac:dyDescent="0.2">
      <c r="A580" s="10">
        <v>2528</v>
      </c>
      <c r="B580" s="10" t="s">
        <v>3233</v>
      </c>
      <c r="C580" s="10" t="s">
        <v>3234</v>
      </c>
      <c r="D580" s="10" t="s">
        <v>2281</v>
      </c>
      <c r="E580" s="10" t="s">
        <v>3235</v>
      </c>
      <c r="F580" s="10" t="s">
        <v>3236</v>
      </c>
      <c r="G580" s="10" t="s">
        <v>3237</v>
      </c>
      <c r="H580" s="10" t="s">
        <v>3234</v>
      </c>
      <c r="I580" s="11">
        <v>44389</v>
      </c>
    </row>
    <row r="581" spans="1:9" x14ac:dyDescent="0.2">
      <c r="A581" s="10">
        <v>3105</v>
      </c>
      <c r="B581" s="10" t="s">
        <v>6403</v>
      </c>
      <c r="C581" s="10" t="s">
        <v>6404</v>
      </c>
      <c r="D581" s="10" t="s">
        <v>2773</v>
      </c>
      <c r="E581" s="10" t="s">
        <v>6405</v>
      </c>
      <c r="F581" s="10" t="s">
        <v>6406</v>
      </c>
      <c r="G581" s="10" t="s">
        <v>6407</v>
      </c>
      <c r="H581" s="10" t="s">
        <v>6408</v>
      </c>
      <c r="I581" s="11">
        <v>45300</v>
      </c>
    </row>
    <row r="582" spans="1:9" x14ac:dyDescent="0.2">
      <c r="A582" s="10">
        <v>2583</v>
      </c>
      <c r="B582" s="10" t="s">
        <v>3530</v>
      </c>
      <c r="C582" s="10" t="s">
        <v>3531</v>
      </c>
      <c r="D582" s="10" t="s">
        <v>3532</v>
      </c>
      <c r="E582" s="10" t="s">
        <v>3533</v>
      </c>
      <c r="F582" s="10" t="s">
        <v>3534</v>
      </c>
      <c r="G582" s="10" t="s">
        <v>3535</v>
      </c>
      <c r="H582" s="10" t="s">
        <v>3531</v>
      </c>
      <c r="I582" s="11">
        <v>44515</v>
      </c>
    </row>
    <row r="583" spans="1:9" x14ac:dyDescent="0.2">
      <c r="A583" s="10">
        <v>1834</v>
      </c>
      <c r="B583" s="10" t="s">
        <v>1339</v>
      </c>
      <c r="C583" s="10" t="s">
        <v>1340</v>
      </c>
      <c r="D583" s="10" t="s">
        <v>1341</v>
      </c>
      <c r="E583" s="10" t="s">
        <v>1342</v>
      </c>
      <c r="F583" s="10" t="s">
        <v>1343</v>
      </c>
      <c r="G583" s="10" t="s">
        <v>1344</v>
      </c>
      <c r="H583" s="10" t="s">
        <v>1345</v>
      </c>
      <c r="I583" s="11">
        <v>44920</v>
      </c>
    </row>
    <row r="584" spans="1:9" x14ac:dyDescent="0.2">
      <c r="A584" s="10">
        <v>770</v>
      </c>
      <c r="B584" s="10" t="s">
        <v>277</v>
      </c>
      <c r="C584" s="10" t="s">
        <v>278</v>
      </c>
      <c r="D584" s="10" t="s">
        <v>279</v>
      </c>
      <c r="E584" s="10" t="s">
        <v>280</v>
      </c>
      <c r="F584" s="10" t="s">
        <v>281</v>
      </c>
      <c r="G584" s="10" t="s">
        <v>282</v>
      </c>
      <c r="H584" s="10" t="s">
        <v>278</v>
      </c>
      <c r="I584" s="11">
        <v>45115</v>
      </c>
    </row>
    <row r="585" spans="1:9" x14ac:dyDescent="0.2">
      <c r="A585" s="10">
        <v>3318</v>
      </c>
      <c r="B585" s="10" t="s">
        <v>7563</v>
      </c>
      <c r="C585" s="10" t="s">
        <v>7564</v>
      </c>
      <c r="D585" s="10" t="s">
        <v>1722</v>
      </c>
      <c r="E585" s="10" t="s">
        <v>7565</v>
      </c>
      <c r="F585" s="10" t="s">
        <v>7566</v>
      </c>
      <c r="G585" s="10" t="s">
        <v>7567</v>
      </c>
      <c r="H585" s="10" t="s">
        <v>7568</v>
      </c>
      <c r="I585" s="11">
        <v>45589</v>
      </c>
    </row>
    <row r="586" spans="1:9" x14ac:dyDescent="0.2">
      <c r="A586" s="10">
        <v>2318</v>
      </c>
      <c r="B586" s="10" t="s">
        <v>2296</v>
      </c>
      <c r="C586" s="10" t="s">
        <v>2297</v>
      </c>
      <c r="D586" s="10" t="s">
        <v>336</v>
      </c>
      <c r="E586" s="10" t="s">
        <v>2298</v>
      </c>
      <c r="F586" s="10" t="s">
        <v>2299</v>
      </c>
      <c r="G586" s="10" t="s">
        <v>2300</v>
      </c>
      <c r="H586" s="10" t="s">
        <v>2301</v>
      </c>
      <c r="I586" s="11">
        <v>45928</v>
      </c>
    </row>
    <row r="587" spans="1:9" x14ac:dyDescent="0.2">
      <c r="A587" s="13">
        <v>3535</v>
      </c>
      <c r="B587" s="10" t="s">
        <v>8801</v>
      </c>
      <c r="C587" s="10" t="s">
        <v>8802</v>
      </c>
      <c r="D587" s="10" t="s">
        <v>1729</v>
      </c>
      <c r="E587" s="10" t="s">
        <v>8803</v>
      </c>
      <c r="F587" s="10" t="s">
        <v>8804</v>
      </c>
      <c r="G587" s="10" t="s">
        <v>8805</v>
      </c>
      <c r="H587" s="10" t="s">
        <v>8802</v>
      </c>
      <c r="I587" s="11">
        <v>45897</v>
      </c>
    </row>
    <row r="588" spans="1:9" x14ac:dyDescent="0.2">
      <c r="A588" s="13">
        <v>3429</v>
      </c>
      <c r="B588" s="10" t="s">
        <v>8207</v>
      </c>
      <c r="C588" s="10" t="s">
        <v>8208</v>
      </c>
      <c r="D588" s="10" t="s">
        <v>8209</v>
      </c>
      <c r="E588" s="10" t="s">
        <v>8210</v>
      </c>
      <c r="F588" s="10" t="s">
        <v>8211</v>
      </c>
      <c r="G588" s="10" t="s">
        <v>8212</v>
      </c>
      <c r="H588" s="10" t="s">
        <v>8213</v>
      </c>
      <c r="I588" s="11">
        <v>45743</v>
      </c>
    </row>
    <row r="589" spans="1:9" x14ac:dyDescent="0.2">
      <c r="A589" s="10">
        <v>2995</v>
      </c>
      <c r="B589" s="10" t="s">
        <v>5785</v>
      </c>
      <c r="C589" s="10" t="s">
        <v>5786</v>
      </c>
      <c r="D589" s="10" t="s">
        <v>5787</v>
      </c>
      <c r="E589" s="10" t="s">
        <v>5788</v>
      </c>
      <c r="F589" s="10" t="s">
        <v>5789</v>
      </c>
      <c r="G589" s="10" t="s">
        <v>5790</v>
      </c>
      <c r="H589" s="10" t="s">
        <v>5786</v>
      </c>
      <c r="I589" s="11">
        <v>45162</v>
      </c>
    </row>
    <row r="590" spans="1:9" x14ac:dyDescent="0.2">
      <c r="A590" s="10">
        <v>3204</v>
      </c>
      <c r="B590" s="10" t="s">
        <v>6929</v>
      </c>
      <c r="C590" s="10" t="s">
        <v>6930</v>
      </c>
      <c r="D590" s="10" t="s">
        <v>5712</v>
      </c>
      <c r="E590" s="10" t="s">
        <v>6931</v>
      </c>
      <c r="F590" s="10" t="s">
        <v>6932</v>
      </c>
      <c r="G590" s="10" t="s">
        <v>6933</v>
      </c>
      <c r="H590" s="10" t="s">
        <v>6934</v>
      </c>
      <c r="I590" s="11">
        <v>45435</v>
      </c>
    </row>
    <row r="591" spans="1:9" x14ac:dyDescent="0.2">
      <c r="A591" s="10">
        <v>1676</v>
      </c>
      <c r="B591" s="10" t="s">
        <v>1044</v>
      </c>
      <c r="C591" s="10" t="s">
        <v>1045</v>
      </c>
      <c r="D591" s="10" t="s">
        <v>1046</v>
      </c>
      <c r="E591" s="10" t="s">
        <v>1047</v>
      </c>
      <c r="F591" s="10" t="s">
        <v>1048</v>
      </c>
      <c r="G591" s="10" t="s">
        <v>1049</v>
      </c>
      <c r="H591" s="10" t="s">
        <v>1045</v>
      </c>
      <c r="I591" s="11">
        <v>44556</v>
      </c>
    </row>
    <row r="592" spans="1:9" x14ac:dyDescent="0.2">
      <c r="A592" s="10">
        <v>2693</v>
      </c>
      <c r="B592" s="10" t="s">
        <v>4115</v>
      </c>
      <c r="C592" s="10" t="s">
        <v>4116</v>
      </c>
      <c r="D592" s="10" t="s">
        <v>1742</v>
      </c>
      <c r="E592" s="10" t="s">
        <v>4117</v>
      </c>
      <c r="F592" s="10" t="s">
        <v>4118</v>
      </c>
      <c r="G592" s="10" t="s">
        <v>4119</v>
      </c>
      <c r="H592" s="10" t="s">
        <v>4120</v>
      </c>
      <c r="I592" s="11">
        <v>44697</v>
      </c>
    </row>
    <row r="593" spans="1:9" x14ac:dyDescent="0.2">
      <c r="A593" s="14">
        <v>3571</v>
      </c>
      <c r="B593" s="15" t="s">
        <v>9007</v>
      </c>
      <c r="C593" s="10" t="s">
        <v>9008</v>
      </c>
      <c r="D593" s="15" t="s">
        <v>2437</v>
      </c>
      <c r="E593" s="10" t="s">
        <v>9009</v>
      </c>
      <c r="F593" s="10" t="s">
        <v>9010</v>
      </c>
      <c r="G593" s="10" t="s">
        <v>9011</v>
      </c>
      <c r="H593" s="10" t="s">
        <v>9008</v>
      </c>
      <c r="I593" s="11">
        <v>45929</v>
      </c>
    </row>
    <row r="594" spans="1:9" x14ac:dyDescent="0.2">
      <c r="A594" s="10">
        <v>1675</v>
      </c>
      <c r="B594" s="10" t="s">
        <v>1038</v>
      </c>
      <c r="C594" s="10" t="s">
        <v>35</v>
      </c>
      <c r="D594" s="10" t="s">
        <v>1039</v>
      </c>
      <c r="E594" s="10" t="s">
        <v>1040</v>
      </c>
      <c r="F594" s="10" t="s">
        <v>1041</v>
      </c>
      <c r="G594" s="10" t="s">
        <v>1042</v>
      </c>
      <c r="H594" s="10" t="s">
        <v>1043</v>
      </c>
      <c r="I594" s="11">
        <v>44556</v>
      </c>
    </row>
    <row r="595" spans="1:9" x14ac:dyDescent="0.2">
      <c r="A595" s="10">
        <v>3066</v>
      </c>
      <c r="B595" s="10" t="s">
        <v>6180</v>
      </c>
      <c r="C595" s="10" t="s">
        <v>6181</v>
      </c>
      <c r="D595" s="10" t="s">
        <v>6182</v>
      </c>
      <c r="E595" s="10" t="s">
        <v>6183</v>
      </c>
      <c r="F595" s="10" t="s">
        <v>1976</v>
      </c>
      <c r="G595" s="10" t="s">
        <v>6184</v>
      </c>
      <c r="H595" s="10" t="s">
        <v>6185</v>
      </c>
      <c r="I595" s="11">
        <v>45260</v>
      </c>
    </row>
    <row r="596" spans="1:9" x14ac:dyDescent="0.2">
      <c r="A596" s="10">
        <v>2508</v>
      </c>
      <c r="B596" s="10" t="s">
        <v>3151</v>
      </c>
      <c r="C596" s="10" t="s">
        <v>3152</v>
      </c>
      <c r="D596" s="10" t="s">
        <v>3153</v>
      </c>
      <c r="E596" s="10" t="s">
        <v>3154</v>
      </c>
      <c r="F596" s="10" t="s">
        <v>3155</v>
      </c>
      <c r="G596" s="10" t="s">
        <v>3156</v>
      </c>
      <c r="H596" s="10" t="s">
        <v>3157</v>
      </c>
      <c r="I596" s="11">
        <v>44347</v>
      </c>
    </row>
    <row r="597" spans="1:9" x14ac:dyDescent="0.2">
      <c r="A597" s="14">
        <v>3574</v>
      </c>
      <c r="B597" s="15" t="s">
        <v>9022</v>
      </c>
      <c r="C597" s="10" t="s">
        <v>35</v>
      </c>
      <c r="D597" s="15" t="s">
        <v>9023</v>
      </c>
      <c r="E597" s="10" t="s">
        <v>9024</v>
      </c>
      <c r="F597" s="10" t="s">
        <v>9025</v>
      </c>
      <c r="G597" s="10" t="s">
        <v>9026</v>
      </c>
      <c r="H597" s="10" t="s">
        <v>9027</v>
      </c>
      <c r="I597" s="11">
        <v>45950</v>
      </c>
    </row>
    <row r="598" spans="1:9" x14ac:dyDescent="0.2">
      <c r="A598" s="10">
        <v>1162</v>
      </c>
      <c r="B598" s="10" t="s">
        <v>488</v>
      </c>
      <c r="C598" s="10" t="s">
        <v>489</v>
      </c>
      <c r="D598" s="10" t="s">
        <v>490</v>
      </c>
      <c r="E598" s="10" t="s">
        <v>491</v>
      </c>
      <c r="F598" s="10" t="s">
        <v>492</v>
      </c>
      <c r="G598" s="10" t="s">
        <v>493</v>
      </c>
      <c r="H598" s="10" t="s">
        <v>489</v>
      </c>
      <c r="I598" s="11">
        <v>44971</v>
      </c>
    </row>
    <row r="599" spans="1:9" x14ac:dyDescent="0.2">
      <c r="A599" s="10">
        <v>3280</v>
      </c>
      <c r="B599" s="10" t="s">
        <v>7343</v>
      </c>
      <c r="C599" s="10" t="s">
        <v>7344</v>
      </c>
      <c r="D599" s="10" t="s">
        <v>7345</v>
      </c>
      <c r="E599" s="10" t="s">
        <v>7346</v>
      </c>
      <c r="F599" s="10" t="s">
        <v>7347</v>
      </c>
      <c r="G599" s="10" t="s">
        <v>7348</v>
      </c>
      <c r="H599" s="10" t="s">
        <v>7344</v>
      </c>
      <c r="I599" s="11">
        <v>45540</v>
      </c>
    </row>
    <row r="600" spans="1:9" x14ac:dyDescent="0.2">
      <c r="A600" s="10">
        <v>1851</v>
      </c>
      <c r="B600" s="10" t="s">
        <v>1378</v>
      </c>
      <c r="C600" s="10" t="s">
        <v>1379</v>
      </c>
      <c r="D600" s="10" t="s">
        <v>1180</v>
      </c>
      <c r="E600" s="10" t="s">
        <v>1380</v>
      </c>
      <c r="F600" s="10" t="s">
        <v>1381</v>
      </c>
      <c r="G600" s="10" t="s">
        <v>1382</v>
      </c>
      <c r="H600" s="10" t="s">
        <v>1379</v>
      </c>
      <c r="I600" s="11">
        <v>44951</v>
      </c>
    </row>
    <row r="601" spans="1:9" x14ac:dyDescent="0.2">
      <c r="A601" s="10">
        <v>2335</v>
      </c>
      <c r="B601" s="10" t="s">
        <v>2332</v>
      </c>
      <c r="C601" s="10" t="s">
        <v>2333</v>
      </c>
      <c r="D601" s="10" t="s">
        <v>1243</v>
      </c>
      <c r="E601" s="10" t="s">
        <v>2334</v>
      </c>
      <c r="F601" s="10" t="s">
        <v>2335</v>
      </c>
      <c r="G601" s="10" t="s">
        <v>2336</v>
      </c>
      <c r="H601" s="10" t="s">
        <v>2337</v>
      </c>
      <c r="I601" s="11">
        <v>45952</v>
      </c>
    </row>
    <row r="602" spans="1:9" x14ac:dyDescent="0.2">
      <c r="A602" s="10">
        <v>1631</v>
      </c>
      <c r="B602" s="10" t="s">
        <v>944</v>
      </c>
      <c r="C602" s="10" t="s">
        <v>945</v>
      </c>
      <c r="D602" s="10" t="s">
        <v>946</v>
      </c>
      <c r="E602" s="10" t="s">
        <v>947</v>
      </c>
      <c r="F602" s="10" t="s">
        <v>948</v>
      </c>
      <c r="G602" s="10" t="s">
        <v>949</v>
      </c>
      <c r="H602" s="10" t="s">
        <v>945</v>
      </c>
      <c r="I602" s="11">
        <v>44432</v>
      </c>
    </row>
    <row r="603" spans="1:9" x14ac:dyDescent="0.2">
      <c r="A603" s="10">
        <v>2724</v>
      </c>
      <c r="B603" s="10" t="s">
        <v>4272</v>
      </c>
      <c r="C603" s="10" t="s">
        <v>4273</v>
      </c>
      <c r="D603" s="10" t="s">
        <v>4274</v>
      </c>
      <c r="E603" s="10" t="s">
        <v>4275</v>
      </c>
      <c r="F603" s="10" t="s">
        <v>4276</v>
      </c>
      <c r="G603" s="10" t="s">
        <v>4277</v>
      </c>
      <c r="H603" s="10" t="s">
        <v>4278</v>
      </c>
      <c r="I603" s="11">
        <v>44732</v>
      </c>
    </row>
    <row r="604" spans="1:9" x14ac:dyDescent="0.2">
      <c r="A604" s="10">
        <v>37</v>
      </c>
      <c r="B604" s="10" t="s">
        <v>47</v>
      </c>
      <c r="C604" s="10" t="s">
        <v>48</v>
      </c>
      <c r="D604" s="10" t="s">
        <v>49</v>
      </c>
      <c r="E604" s="10" t="s">
        <v>50</v>
      </c>
      <c r="F604" s="10" t="s">
        <v>51</v>
      </c>
      <c r="G604" s="10" t="s">
        <v>52</v>
      </c>
      <c r="H604" s="10" t="s">
        <v>53</v>
      </c>
      <c r="I604" s="11">
        <v>44488</v>
      </c>
    </row>
    <row r="605" spans="1:9" x14ac:dyDescent="0.2">
      <c r="A605" s="10">
        <v>2045</v>
      </c>
      <c r="B605" s="10" t="s">
        <v>1765</v>
      </c>
      <c r="C605" s="10" t="s">
        <v>35</v>
      </c>
      <c r="D605" s="10" t="s">
        <v>1766</v>
      </c>
      <c r="E605" s="10" t="s">
        <v>1767</v>
      </c>
      <c r="F605" s="10" t="s">
        <v>1768</v>
      </c>
      <c r="G605" s="10" t="s">
        <v>1769</v>
      </c>
      <c r="H605" s="10" t="s">
        <v>1770</v>
      </c>
      <c r="I605" s="11">
        <v>45407</v>
      </c>
    </row>
    <row r="606" spans="1:9" x14ac:dyDescent="0.2">
      <c r="A606" s="10">
        <v>3203</v>
      </c>
      <c r="B606" s="10" t="s">
        <v>6922</v>
      </c>
      <c r="C606" s="10" t="s">
        <v>6923</v>
      </c>
      <c r="D606" s="10" t="s">
        <v>6924</v>
      </c>
      <c r="E606" s="10" t="s">
        <v>6925</v>
      </c>
      <c r="F606" s="10" t="s">
        <v>6926</v>
      </c>
      <c r="G606" s="10" t="s">
        <v>6927</v>
      </c>
      <c r="H606" s="10" t="s">
        <v>6928</v>
      </c>
      <c r="I606" s="11">
        <v>45435</v>
      </c>
    </row>
    <row r="607" spans="1:9" x14ac:dyDescent="0.2">
      <c r="A607" s="10">
        <v>19</v>
      </c>
      <c r="B607" s="10" t="s">
        <v>16</v>
      </c>
      <c r="C607" s="10" t="s">
        <v>17</v>
      </c>
      <c r="D607" s="10" t="s">
        <v>18</v>
      </c>
      <c r="E607" s="10" t="s">
        <v>19</v>
      </c>
      <c r="F607" s="10" t="s">
        <v>20</v>
      </c>
      <c r="G607" s="10" t="s">
        <v>21</v>
      </c>
      <c r="H607" s="10" t="s">
        <v>17</v>
      </c>
      <c r="I607" s="11">
        <v>44411</v>
      </c>
    </row>
    <row r="608" spans="1:9" x14ac:dyDescent="0.2">
      <c r="A608" s="10">
        <v>2761</v>
      </c>
      <c r="B608" s="10" t="s">
        <v>4489</v>
      </c>
      <c r="C608" s="10" t="s">
        <v>4490</v>
      </c>
      <c r="D608" s="10" t="s">
        <v>4491</v>
      </c>
      <c r="E608" s="10" t="s">
        <v>4492</v>
      </c>
      <c r="F608" s="10" t="s">
        <v>4493</v>
      </c>
      <c r="G608" s="10" t="s">
        <v>4494</v>
      </c>
      <c r="H608" s="10" t="s">
        <v>4495</v>
      </c>
      <c r="I608" s="11">
        <v>44770</v>
      </c>
    </row>
    <row r="609" spans="1:9" x14ac:dyDescent="0.2">
      <c r="A609" s="10">
        <v>3036</v>
      </c>
      <c r="B609" s="10" t="s">
        <v>6026</v>
      </c>
      <c r="C609" s="10" t="s">
        <v>6027</v>
      </c>
      <c r="D609" s="10" t="s">
        <v>6028</v>
      </c>
      <c r="E609" s="10" t="s">
        <v>6029</v>
      </c>
      <c r="F609" s="10" t="s">
        <v>6030</v>
      </c>
      <c r="G609" s="10" t="s">
        <v>4494</v>
      </c>
      <c r="H609" s="10" t="s">
        <v>6031</v>
      </c>
      <c r="I609" s="11">
        <v>45225</v>
      </c>
    </row>
    <row r="610" spans="1:9" x14ac:dyDescent="0.2">
      <c r="A610" s="10">
        <v>3237</v>
      </c>
      <c r="B610" s="10" t="s">
        <v>7111</v>
      </c>
      <c r="C610" s="10" t="s">
        <v>7112</v>
      </c>
      <c r="D610" s="10" t="s">
        <v>1355</v>
      </c>
      <c r="E610" s="10" t="s">
        <v>7113</v>
      </c>
      <c r="F610" s="10" t="s">
        <v>7114</v>
      </c>
      <c r="G610" s="10" t="s">
        <v>7115</v>
      </c>
      <c r="H610" s="10" t="s">
        <v>7112</v>
      </c>
      <c r="I610" s="11">
        <v>45470</v>
      </c>
    </row>
    <row r="611" spans="1:9" x14ac:dyDescent="0.2">
      <c r="A611" s="10">
        <v>2998</v>
      </c>
      <c r="B611" s="10" t="s">
        <v>5802</v>
      </c>
      <c r="C611" s="10" t="s">
        <v>35</v>
      </c>
      <c r="D611" s="10" t="s">
        <v>5803</v>
      </c>
      <c r="E611" s="10" t="s">
        <v>5804</v>
      </c>
      <c r="F611" s="10" t="s">
        <v>5805</v>
      </c>
      <c r="G611" s="10" t="s">
        <v>5806</v>
      </c>
      <c r="H611" s="10" t="s">
        <v>5807</v>
      </c>
      <c r="I611" s="11">
        <v>45169</v>
      </c>
    </row>
    <row r="612" spans="1:9" x14ac:dyDescent="0.2">
      <c r="A612" s="13">
        <v>3505</v>
      </c>
      <c r="B612" s="10" t="s">
        <v>8628</v>
      </c>
      <c r="C612" s="10" t="s">
        <v>8629</v>
      </c>
      <c r="D612" s="10" t="s">
        <v>1186</v>
      </c>
      <c r="E612" s="10" t="s">
        <v>8630</v>
      </c>
      <c r="F612" s="10" t="s">
        <v>8631</v>
      </c>
      <c r="G612" s="10" t="s">
        <v>5806</v>
      </c>
      <c r="H612" s="10" t="s">
        <v>8629</v>
      </c>
      <c r="I612" s="11">
        <v>45852</v>
      </c>
    </row>
    <row r="613" spans="1:9" x14ac:dyDescent="0.2">
      <c r="A613" s="10">
        <v>2885</v>
      </c>
      <c r="B613" s="10" t="s">
        <v>5176</v>
      </c>
      <c r="C613" s="10" t="s">
        <v>5177</v>
      </c>
      <c r="D613" s="10" t="s">
        <v>1722</v>
      </c>
      <c r="E613" s="10" t="s">
        <v>5178</v>
      </c>
      <c r="F613" s="10" t="s">
        <v>5179</v>
      </c>
      <c r="G613" s="10" t="s">
        <v>5180</v>
      </c>
      <c r="H613" s="10" t="s">
        <v>5177</v>
      </c>
      <c r="I613" s="11">
        <v>44998</v>
      </c>
    </row>
    <row r="614" spans="1:9" x14ac:dyDescent="0.2">
      <c r="A614" s="10">
        <v>3375</v>
      </c>
      <c r="B614" s="10" t="s">
        <v>7895</v>
      </c>
      <c r="C614" s="10" t="s">
        <v>7896</v>
      </c>
      <c r="D614" s="10" t="s">
        <v>7897</v>
      </c>
      <c r="E614" s="10" t="s">
        <v>7898</v>
      </c>
      <c r="F614" s="10" t="s">
        <v>7899</v>
      </c>
      <c r="G614" s="10" t="s">
        <v>7900</v>
      </c>
      <c r="H614" s="10" t="s">
        <v>7901</v>
      </c>
      <c r="I614" s="12">
        <v>45666</v>
      </c>
    </row>
    <row r="615" spans="1:9" x14ac:dyDescent="0.2">
      <c r="A615" s="10">
        <v>1518</v>
      </c>
      <c r="B615" s="10" t="s">
        <v>756</v>
      </c>
      <c r="C615" s="10" t="s">
        <v>757</v>
      </c>
      <c r="D615" s="10" t="s">
        <v>758</v>
      </c>
      <c r="E615" s="10" t="s">
        <v>759</v>
      </c>
      <c r="F615" s="10" t="s">
        <v>760</v>
      </c>
      <c r="G615" s="10" t="s">
        <v>761</v>
      </c>
      <c r="H615" s="10" t="s">
        <v>757</v>
      </c>
      <c r="I615" s="11">
        <v>44208</v>
      </c>
    </row>
    <row r="616" spans="1:9" x14ac:dyDescent="0.2">
      <c r="A616" s="10">
        <v>1259</v>
      </c>
      <c r="B616" s="10" t="s">
        <v>590</v>
      </c>
      <c r="C616" s="10" t="s">
        <v>35</v>
      </c>
      <c r="D616" s="10" t="s">
        <v>591</v>
      </c>
      <c r="E616" s="10" t="s">
        <v>592</v>
      </c>
      <c r="F616" s="10" t="s">
        <v>593</v>
      </c>
      <c r="G616" s="10" t="s">
        <v>594</v>
      </c>
      <c r="H616" s="10" t="s">
        <v>595</v>
      </c>
      <c r="I616" s="11">
        <v>45300</v>
      </c>
    </row>
    <row r="617" spans="1:9" x14ac:dyDescent="0.2">
      <c r="A617" s="10">
        <v>2361</v>
      </c>
      <c r="B617" s="10" t="s">
        <v>2376</v>
      </c>
      <c r="C617" s="10" t="s">
        <v>2377</v>
      </c>
      <c r="D617" s="10" t="s">
        <v>2378</v>
      </c>
      <c r="E617" s="10" t="s">
        <v>2379</v>
      </c>
      <c r="F617" s="10" t="s">
        <v>2380</v>
      </c>
      <c r="G617" s="10" t="s">
        <v>2381</v>
      </c>
      <c r="H617" s="10" t="s">
        <v>2382</v>
      </c>
      <c r="I617" s="11">
        <v>44203</v>
      </c>
    </row>
    <row r="618" spans="1:9" x14ac:dyDescent="0.2">
      <c r="A618" s="10">
        <v>2549</v>
      </c>
      <c r="B618" s="10" t="s">
        <v>3351</v>
      </c>
      <c r="C618" s="10" t="s">
        <v>3352</v>
      </c>
      <c r="D618" s="10" t="s">
        <v>3353</v>
      </c>
      <c r="E618" s="10" t="s">
        <v>3354</v>
      </c>
      <c r="F618" s="10" t="s">
        <v>3355</v>
      </c>
      <c r="G618" s="10" t="s">
        <v>3356</v>
      </c>
      <c r="H618" s="10" t="s">
        <v>3357</v>
      </c>
      <c r="I618" s="11">
        <v>44434</v>
      </c>
    </row>
    <row r="619" spans="1:9" x14ac:dyDescent="0.2">
      <c r="A619" s="10">
        <v>962</v>
      </c>
      <c r="B619" s="10" t="s">
        <v>334</v>
      </c>
      <c r="C619" s="10" t="s">
        <v>335</v>
      </c>
      <c r="D619" s="10" t="s">
        <v>336</v>
      </c>
      <c r="E619" s="10" t="s">
        <v>337</v>
      </c>
      <c r="F619" s="10" t="s">
        <v>338</v>
      </c>
      <c r="G619" s="10" t="s">
        <v>339</v>
      </c>
      <c r="H619" s="10" t="s">
        <v>340</v>
      </c>
      <c r="I619" s="11">
        <v>46018</v>
      </c>
    </row>
    <row r="620" spans="1:9" x14ac:dyDescent="0.2">
      <c r="A620" s="10">
        <v>1771</v>
      </c>
      <c r="B620" s="10" t="s">
        <v>1237</v>
      </c>
      <c r="C620" s="10" t="s">
        <v>1238</v>
      </c>
      <c r="D620" s="10" t="s">
        <v>1239</v>
      </c>
      <c r="E620" s="10" t="s">
        <v>1240</v>
      </c>
      <c r="F620" s="10" t="s">
        <v>1241</v>
      </c>
      <c r="G620" s="10" t="s">
        <v>339</v>
      </c>
      <c r="H620" s="10" t="s">
        <v>1238</v>
      </c>
      <c r="I620" s="11">
        <v>44766</v>
      </c>
    </row>
    <row r="621" spans="1:9" x14ac:dyDescent="0.2">
      <c r="A621" s="10">
        <v>3241</v>
      </c>
      <c r="B621" s="10" t="s">
        <v>7127</v>
      </c>
      <c r="C621" s="10" t="s">
        <v>7128</v>
      </c>
      <c r="D621" s="10" t="s">
        <v>7129</v>
      </c>
      <c r="E621" s="10" t="s">
        <v>7130</v>
      </c>
      <c r="F621" s="10" t="s">
        <v>7131</v>
      </c>
      <c r="G621" s="10" t="s">
        <v>339</v>
      </c>
      <c r="H621" s="10" t="s">
        <v>7128</v>
      </c>
      <c r="I621" s="11">
        <v>45481</v>
      </c>
    </row>
    <row r="622" spans="1:9" x14ac:dyDescent="0.2">
      <c r="A622" s="10">
        <v>997</v>
      </c>
      <c r="B622" s="10" t="s">
        <v>359</v>
      </c>
      <c r="C622" s="10" t="s">
        <v>35</v>
      </c>
      <c r="D622" s="10" t="s">
        <v>360</v>
      </c>
      <c r="E622" s="10" t="s">
        <v>361</v>
      </c>
      <c r="F622" s="10" t="s">
        <v>362</v>
      </c>
      <c r="G622" s="10" t="s">
        <v>363</v>
      </c>
      <c r="H622" s="10" t="s">
        <v>364</v>
      </c>
      <c r="I622" s="11">
        <v>44353</v>
      </c>
    </row>
    <row r="623" spans="1:9" x14ac:dyDescent="0.2">
      <c r="A623" s="10">
        <v>2525</v>
      </c>
      <c r="B623" s="10" t="s">
        <v>3215</v>
      </c>
      <c r="C623" s="10" t="s">
        <v>3216</v>
      </c>
      <c r="D623" s="10" t="s">
        <v>3217</v>
      </c>
      <c r="E623" s="10" t="s">
        <v>3218</v>
      </c>
      <c r="F623" s="10" t="s">
        <v>3219</v>
      </c>
      <c r="G623" s="10" t="s">
        <v>3220</v>
      </c>
      <c r="H623" s="10" t="s">
        <v>3216</v>
      </c>
      <c r="I623" s="11">
        <v>44364</v>
      </c>
    </row>
    <row r="624" spans="1:9" x14ac:dyDescent="0.2">
      <c r="A624" s="14">
        <v>3561</v>
      </c>
      <c r="B624" s="15" t="s">
        <v>8948</v>
      </c>
      <c r="C624" s="10" t="s">
        <v>8949</v>
      </c>
      <c r="D624" s="15" t="s">
        <v>4206</v>
      </c>
      <c r="E624" s="10" t="s">
        <v>8950</v>
      </c>
      <c r="F624" s="10" t="s">
        <v>8951</v>
      </c>
      <c r="G624" s="10" t="s">
        <v>8952</v>
      </c>
      <c r="H624" s="10" t="s">
        <v>8953</v>
      </c>
      <c r="I624" s="11">
        <v>45932</v>
      </c>
    </row>
    <row r="625" spans="1:9" x14ac:dyDescent="0.2">
      <c r="A625" s="10">
        <v>2441</v>
      </c>
      <c r="B625" s="10" t="s">
        <v>2789</v>
      </c>
      <c r="C625" s="10" t="s">
        <v>2790</v>
      </c>
      <c r="D625" s="10" t="s">
        <v>2791</v>
      </c>
      <c r="E625" s="10" t="s">
        <v>2792</v>
      </c>
      <c r="F625" s="10" t="s">
        <v>2793</v>
      </c>
      <c r="G625" s="10" t="s">
        <v>2794</v>
      </c>
      <c r="H625" s="10" t="s">
        <v>2790</v>
      </c>
      <c r="I625" s="11">
        <v>44284</v>
      </c>
    </row>
    <row r="626" spans="1:9" x14ac:dyDescent="0.2">
      <c r="A626" s="10">
        <v>2515</v>
      </c>
      <c r="B626" s="10" t="s">
        <v>3177</v>
      </c>
      <c r="C626" s="10" t="s">
        <v>3178</v>
      </c>
      <c r="D626" s="10" t="s">
        <v>3179</v>
      </c>
      <c r="E626" s="10" t="s">
        <v>3180</v>
      </c>
      <c r="F626" s="10" t="s">
        <v>3181</v>
      </c>
      <c r="G626" s="10" t="s">
        <v>3182</v>
      </c>
      <c r="H626" s="10" t="s">
        <v>3183</v>
      </c>
      <c r="I626" s="11">
        <v>44357</v>
      </c>
    </row>
    <row r="627" spans="1:9" x14ac:dyDescent="0.2">
      <c r="A627" s="10">
        <v>2368</v>
      </c>
      <c r="B627" s="10" t="s">
        <v>2419</v>
      </c>
      <c r="C627" s="10" t="s">
        <v>35</v>
      </c>
      <c r="D627" s="10" t="s">
        <v>1766</v>
      </c>
      <c r="E627" s="10" t="s">
        <v>2420</v>
      </c>
      <c r="F627" s="10" t="s">
        <v>2421</v>
      </c>
      <c r="G627" s="10" t="s">
        <v>2422</v>
      </c>
      <c r="H627" s="10" t="s">
        <v>2423</v>
      </c>
      <c r="I627" s="11">
        <v>44203</v>
      </c>
    </row>
    <row r="628" spans="1:9" x14ac:dyDescent="0.2">
      <c r="A628" s="10">
        <v>1118</v>
      </c>
      <c r="B628" s="10" t="s">
        <v>431</v>
      </c>
      <c r="C628" s="10" t="s">
        <v>432</v>
      </c>
      <c r="D628" s="10" t="s">
        <v>433</v>
      </c>
      <c r="E628" s="10" t="s">
        <v>434</v>
      </c>
      <c r="F628" s="10" t="s">
        <v>435</v>
      </c>
      <c r="G628" s="10" t="s">
        <v>436</v>
      </c>
      <c r="H628" s="10" t="s">
        <v>437</v>
      </c>
      <c r="I628" s="11">
        <v>44824</v>
      </c>
    </row>
    <row r="629" spans="1:9" x14ac:dyDescent="0.2">
      <c r="A629" s="10">
        <v>2835</v>
      </c>
      <c r="B629" s="10" t="s">
        <v>4889</v>
      </c>
      <c r="C629" s="10" t="s">
        <v>4890</v>
      </c>
      <c r="D629" s="10" t="s">
        <v>3981</v>
      </c>
      <c r="E629" s="10" t="s">
        <v>4891</v>
      </c>
      <c r="F629" s="10" t="s">
        <v>4892</v>
      </c>
      <c r="G629" s="10" t="s">
        <v>4893</v>
      </c>
      <c r="H629" s="10" t="s">
        <v>4894</v>
      </c>
      <c r="I629" s="11">
        <v>44903</v>
      </c>
    </row>
    <row r="630" spans="1:9" x14ac:dyDescent="0.2">
      <c r="A630" s="10">
        <v>1672</v>
      </c>
      <c r="B630" s="10" t="s">
        <v>1032</v>
      </c>
      <c r="C630" s="10" t="s">
        <v>1033</v>
      </c>
      <c r="D630" s="10" t="s">
        <v>1034</v>
      </c>
      <c r="E630" s="10" t="s">
        <v>1035</v>
      </c>
      <c r="F630" s="10" t="s">
        <v>1036</v>
      </c>
      <c r="G630" s="10" t="s">
        <v>1037</v>
      </c>
      <c r="H630" s="10" t="s">
        <v>1033</v>
      </c>
      <c r="I630" s="11">
        <v>44549</v>
      </c>
    </row>
    <row r="631" spans="1:9" x14ac:dyDescent="0.2">
      <c r="A631" s="13">
        <v>3516</v>
      </c>
      <c r="B631" s="10" t="s">
        <v>8687</v>
      </c>
      <c r="C631" s="10" t="s">
        <v>8688</v>
      </c>
      <c r="D631" s="10" t="s">
        <v>8689</v>
      </c>
      <c r="E631" s="10" t="s">
        <v>8690</v>
      </c>
      <c r="F631" s="10" t="s">
        <v>8691</v>
      </c>
      <c r="G631" s="10" t="s">
        <v>8692</v>
      </c>
      <c r="H631" s="10" t="s">
        <v>8693</v>
      </c>
      <c r="I631" s="11">
        <v>45845</v>
      </c>
    </row>
    <row r="632" spans="1:9" x14ac:dyDescent="0.2">
      <c r="A632" s="10">
        <v>1899</v>
      </c>
      <c r="B632" s="10" t="s">
        <v>1511</v>
      </c>
      <c r="C632" s="10" t="s">
        <v>1512</v>
      </c>
      <c r="D632" s="10" t="s">
        <v>1513</v>
      </c>
      <c r="E632" s="10" t="s">
        <v>1514</v>
      </c>
      <c r="F632" s="10" t="s">
        <v>1515</v>
      </c>
      <c r="G632" s="10" t="s">
        <v>1516</v>
      </c>
      <c r="H632" s="10" t="s">
        <v>1512</v>
      </c>
      <c r="I632" s="11">
        <v>45047</v>
      </c>
    </row>
    <row r="633" spans="1:9" x14ac:dyDescent="0.2">
      <c r="A633" s="10">
        <v>2795</v>
      </c>
      <c r="B633" s="10" t="s">
        <v>4671</v>
      </c>
      <c r="C633" s="10" t="s">
        <v>4672</v>
      </c>
      <c r="D633" s="10" t="s">
        <v>4673</v>
      </c>
      <c r="E633" s="10" t="s">
        <v>4674</v>
      </c>
      <c r="F633" s="10" t="s">
        <v>4675</v>
      </c>
      <c r="G633" s="10" t="s">
        <v>4676</v>
      </c>
      <c r="H633" s="10" t="s">
        <v>4677</v>
      </c>
      <c r="I633" s="11">
        <v>44869</v>
      </c>
    </row>
    <row r="634" spans="1:9" x14ac:dyDescent="0.2">
      <c r="A634" s="10">
        <v>2792</v>
      </c>
      <c r="B634" s="10" t="s">
        <v>4654</v>
      </c>
      <c r="C634" s="10" t="s">
        <v>4655</v>
      </c>
      <c r="D634" s="10" t="s">
        <v>770</v>
      </c>
      <c r="E634" s="10" t="s">
        <v>4656</v>
      </c>
      <c r="F634" s="10" t="s">
        <v>4657</v>
      </c>
      <c r="G634" s="10" t="s">
        <v>4658</v>
      </c>
      <c r="H634" s="10" t="s">
        <v>4655</v>
      </c>
      <c r="I634" s="11">
        <v>44826</v>
      </c>
    </row>
    <row r="635" spans="1:9" x14ac:dyDescent="0.2">
      <c r="A635" s="10">
        <v>2543</v>
      </c>
      <c r="B635" s="10" t="s">
        <v>3310</v>
      </c>
      <c r="C635" s="10" t="s">
        <v>3311</v>
      </c>
      <c r="D635" s="10" t="s">
        <v>3312</v>
      </c>
      <c r="E635" s="10" t="s">
        <v>3313</v>
      </c>
      <c r="F635" s="10" t="s">
        <v>3314</v>
      </c>
      <c r="G635" s="10" t="s">
        <v>3315</v>
      </c>
      <c r="H635" s="10" t="s">
        <v>3316</v>
      </c>
      <c r="I635" s="11">
        <v>44403</v>
      </c>
    </row>
    <row r="636" spans="1:9" x14ac:dyDescent="0.2">
      <c r="A636" s="10">
        <v>2963</v>
      </c>
      <c r="B636" s="10" t="s">
        <v>5597</v>
      </c>
      <c r="C636" s="10" t="s">
        <v>5598</v>
      </c>
      <c r="D636" s="10" t="s">
        <v>5599</v>
      </c>
      <c r="E636" s="10" t="s">
        <v>5600</v>
      </c>
      <c r="F636" s="10" t="s">
        <v>5601</v>
      </c>
      <c r="G636" s="10" t="s">
        <v>5602</v>
      </c>
      <c r="H636" s="10" t="s">
        <v>5598</v>
      </c>
      <c r="I636" s="11">
        <v>45127</v>
      </c>
    </row>
    <row r="637" spans="1:9" x14ac:dyDescent="0.2">
      <c r="A637" s="10">
        <v>24</v>
      </c>
      <c r="B637" s="10" t="s">
        <v>22</v>
      </c>
      <c r="C637" s="10" t="s">
        <v>23</v>
      </c>
      <c r="D637" s="10" t="s">
        <v>24</v>
      </c>
      <c r="E637" s="10" t="s">
        <v>25</v>
      </c>
      <c r="F637" s="10" t="s">
        <v>26</v>
      </c>
      <c r="G637" s="10" t="s">
        <v>27</v>
      </c>
      <c r="H637" s="10" t="s">
        <v>23</v>
      </c>
      <c r="I637" s="11">
        <v>44429</v>
      </c>
    </row>
    <row r="638" spans="1:9" x14ac:dyDescent="0.2">
      <c r="A638" s="10">
        <v>3035</v>
      </c>
      <c r="B638" s="10" t="s">
        <v>6019</v>
      </c>
      <c r="C638" s="10" t="s">
        <v>6020</v>
      </c>
      <c r="D638" s="10" t="s">
        <v>6021</v>
      </c>
      <c r="E638" s="10" t="s">
        <v>6022</v>
      </c>
      <c r="F638" s="10" t="s">
        <v>6023</v>
      </c>
      <c r="G638" s="10" t="s">
        <v>6024</v>
      </c>
      <c r="H638" s="10" t="s">
        <v>6025</v>
      </c>
      <c r="I638" s="11">
        <v>45222</v>
      </c>
    </row>
    <row r="639" spans="1:9" x14ac:dyDescent="0.2">
      <c r="A639" s="10">
        <v>2686</v>
      </c>
      <c r="B639" s="10" t="s">
        <v>4081</v>
      </c>
      <c r="C639" s="10" t="s">
        <v>4082</v>
      </c>
      <c r="D639" s="10" t="s">
        <v>1513</v>
      </c>
      <c r="E639" s="10" t="s">
        <v>4083</v>
      </c>
      <c r="F639" s="10" t="s">
        <v>4084</v>
      </c>
      <c r="G639" s="10" t="s">
        <v>4085</v>
      </c>
      <c r="H639" s="10" t="s">
        <v>4082</v>
      </c>
      <c r="I639" s="11">
        <v>44665</v>
      </c>
    </row>
    <row r="640" spans="1:9" x14ac:dyDescent="0.2">
      <c r="A640" s="13">
        <v>3507</v>
      </c>
      <c r="B640" s="10" t="s">
        <v>8638</v>
      </c>
      <c r="C640" s="10" t="s">
        <v>8639</v>
      </c>
      <c r="D640" s="10" t="s">
        <v>8640</v>
      </c>
      <c r="E640" s="10" t="s">
        <v>8641</v>
      </c>
      <c r="F640" s="10" t="s">
        <v>8642</v>
      </c>
      <c r="G640" s="10" t="s">
        <v>8643</v>
      </c>
      <c r="H640" s="10" t="s">
        <v>8644</v>
      </c>
      <c r="I640" s="11">
        <v>45852</v>
      </c>
    </row>
    <row r="641" spans="1:9" x14ac:dyDescent="0.2">
      <c r="A641" s="10">
        <v>3264</v>
      </c>
      <c r="B641" s="10" t="s">
        <v>7261</v>
      </c>
      <c r="C641" s="10" t="s">
        <v>7262</v>
      </c>
      <c r="D641" s="10" t="s">
        <v>2136</v>
      </c>
      <c r="E641" s="10" t="s">
        <v>7263</v>
      </c>
      <c r="F641" s="10" t="s">
        <v>7264</v>
      </c>
      <c r="G641" s="10" t="s">
        <v>7265</v>
      </c>
      <c r="H641" s="10" t="s">
        <v>7262</v>
      </c>
      <c r="I641" s="11">
        <v>45512</v>
      </c>
    </row>
    <row r="642" spans="1:9" x14ac:dyDescent="0.2">
      <c r="A642" s="10">
        <v>3331</v>
      </c>
      <c r="B642" s="10" t="s">
        <v>7640</v>
      </c>
      <c r="C642" s="10" t="s">
        <v>7641</v>
      </c>
      <c r="D642" s="10" t="s">
        <v>7642</v>
      </c>
      <c r="E642" s="10" t="s">
        <v>7643</v>
      </c>
      <c r="F642" s="10" t="s">
        <v>7644</v>
      </c>
      <c r="G642" s="10" t="s">
        <v>7265</v>
      </c>
      <c r="H642" s="10" t="s">
        <v>7641</v>
      </c>
      <c r="I642" s="11">
        <v>45601</v>
      </c>
    </row>
    <row r="643" spans="1:9" x14ac:dyDescent="0.2">
      <c r="A643" s="10">
        <v>2657</v>
      </c>
      <c r="B643" s="10" t="s">
        <v>3932</v>
      </c>
      <c r="C643" s="10" t="s">
        <v>3933</v>
      </c>
      <c r="D643" s="10" t="s">
        <v>1936</v>
      </c>
      <c r="E643" s="10" t="s">
        <v>3934</v>
      </c>
      <c r="F643" s="10" t="s">
        <v>3935</v>
      </c>
      <c r="G643" s="10" t="s">
        <v>3936</v>
      </c>
      <c r="H643" s="10" t="s">
        <v>3937</v>
      </c>
      <c r="I643" s="11">
        <v>44637</v>
      </c>
    </row>
    <row r="644" spans="1:9" x14ac:dyDescent="0.2">
      <c r="A644" s="10">
        <v>3383</v>
      </c>
      <c r="B644" s="10" t="s">
        <v>7944</v>
      </c>
      <c r="C644" s="10" t="s">
        <v>7945</v>
      </c>
      <c r="D644" s="10" t="s">
        <v>7946</v>
      </c>
      <c r="E644" s="10" t="s">
        <v>7947</v>
      </c>
      <c r="F644" s="10" t="s">
        <v>7948</v>
      </c>
      <c r="G644" s="10" t="s">
        <v>7949</v>
      </c>
      <c r="H644" s="10" t="s">
        <v>7945</v>
      </c>
      <c r="I644" s="11">
        <v>45673</v>
      </c>
    </row>
    <row r="645" spans="1:9" x14ac:dyDescent="0.2">
      <c r="A645" s="10">
        <v>2829</v>
      </c>
      <c r="B645" s="10" t="s">
        <v>4859</v>
      </c>
      <c r="C645" s="10" t="s">
        <v>35</v>
      </c>
      <c r="D645" s="10" t="s">
        <v>4860</v>
      </c>
      <c r="E645" s="10" t="s">
        <v>4861</v>
      </c>
      <c r="F645" s="10" t="s">
        <v>4862</v>
      </c>
      <c r="G645" s="10" t="s">
        <v>4863</v>
      </c>
      <c r="H645" s="10" t="s">
        <v>4864</v>
      </c>
      <c r="I645" s="11">
        <v>44893</v>
      </c>
    </row>
    <row r="646" spans="1:9" x14ac:dyDescent="0.2">
      <c r="A646" s="10">
        <v>2556</v>
      </c>
      <c r="B646" s="10" t="s">
        <v>3382</v>
      </c>
      <c r="C646" s="10" t="s">
        <v>3383</v>
      </c>
      <c r="D646" s="10" t="s">
        <v>3384</v>
      </c>
      <c r="E646" s="10" t="s">
        <v>3385</v>
      </c>
      <c r="F646" s="10" t="s">
        <v>3386</v>
      </c>
      <c r="G646" s="10" t="s">
        <v>3387</v>
      </c>
      <c r="H646" s="10" t="s">
        <v>3388</v>
      </c>
      <c r="I646" s="11">
        <v>44441</v>
      </c>
    </row>
    <row r="647" spans="1:9" x14ac:dyDescent="0.2">
      <c r="A647" s="10">
        <v>3401</v>
      </c>
      <c r="B647" s="10" t="s">
        <v>8044</v>
      </c>
      <c r="C647" s="10" t="s">
        <v>8045</v>
      </c>
      <c r="D647" s="10" t="s">
        <v>1161</v>
      </c>
      <c r="E647" s="10" t="s">
        <v>8046</v>
      </c>
      <c r="F647" s="10" t="s">
        <v>8047</v>
      </c>
      <c r="G647" s="10" t="s">
        <v>8048</v>
      </c>
      <c r="H647" s="10" t="s">
        <v>8045</v>
      </c>
      <c r="I647" s="11">
        <v>45698</v>
      </c>
    </row>
    <row r="648" spans="1:9" x14ac:dyDescent="0.2">
      <c r="A648" s="13">
        <v>3443</v>
      </c>
      <c r="B648" s="10" t="s">
        <v>8283</v>
      </c>
      <c r="C648" s="10" t="s">
        <v>8284</v>
      </c>
      <c r="D648" s="10" t="s">
        <v>8285</v>
      </c>
      <c r="E648" s="10" t="s">
        <v>8286</v>
      </c>
      <c r="F648" s="10" t="s">
        <v>8287</v>
      </c>
      <c r="G648" s="10" t="s">
        <v>8288</v>
      </c>
      <c r="H648" s="10" t="s">
        <v>8284</v>
      </c>
      <c r="I648" s="11">
        <v>45775</v>
      </c>
    </row>
    <row r="649" spans="1:9" x14ac:dyDescent="0.2">
      <c r="A649" s="10">
        <v>1636</v>
      </c>
      <c r="B649" s="10" t="s">
        <v>962</v>
      </c>
      <c r="C649" s="10" t="s">
        <v>963</v>
      </c>
      <c r="D649" s="10" t="s">
        <v>964</v>
      </c>
      <c r="E649" s="10" t="s">
        <v>965</v>
      </c>
      <c r="F649" s="10" t="s">
        <v>966</v>
      </c>
      <c r="G649" s="10" t="s">
        <v>967</v>
      </c>
      <c r="H649" s="10" t="s">
        <v>968</v>
      </c>
      <c r="I649" s="11">
        <v>44437</v>
      </c>
    </row>
    <row r="650" spans="1:9" x14ac:dyDescent="0.2">
      <c r="A650" s="10">
        <v>824</v>
      </c>
      <c r="B650" s="10" t="s">
        <v>283</v>
      </c>
      <c r="C650" s="10" t="s">
        <v>284</v>
      </c>
      <c r="D650" s="10" t="s">
        <v>285</v>
      </c>
      <c r="E650" s="10" t="s">
        <v>286</v>
      </c>
      <c r="F650" s="10" t="s">
        <v>287</v>
      </c>
      <c r="G650" s="10" t="s">
        <v>288</v>
      </c>
      <c r="H650" s="10" t="s">
        <v>289</v>
      </c>
      <c r="I650" s="11">
        <v>45396</v>
      </c>
    </row>
    <row r="651" spans="1:9" x14ac:dyDescent="0.2">
      <c r="A651" s="10">
        <v>3146</v>
      </c>
      <c r="B651" s="10" t="s">
        <v>6627</v>
      </c>
      <c r="C651" s="10" t="s">
        <v>6628</v>
      </c>
      <c r="D651" s="10" t="s">
        <v>6629</v>
      </c>
      <c r="E651" s="10" t="s">
        <v>6630</v>
      </c>
      <c r="F651" s="10" t="s">
        <v>6631</v>
      </c>
      <c r="G651" s="10" t="s">
        <v>6632</v>
      </c>
      <c r="H651" s="10" t="s">
        <v>6628</v>
      </c>
      <c r="I651" s="11">
        <v>45362</v>
      </c>
    </row>
    <row r="652" spans="1:9" x14ac:dyDescent="0.2">
      <c r="A652" s="10">
        <v>2186</v>
      </c>
      <c r="B652" s="10" t="s">
        <v>2028</v>
      </c>
      <c r="C652" s="10" t="s">
        <v>2029</v>
      </c>
      <c r="D652" s="10" t="s">
        <v>2030</v>
      </c>
      <c r="E652" s="10" t="s">
        <v>2031</v>
      </c>
      <c r="F652" s="10" t="s">
        <v>2032</v>
      </c>
      <c r="G652" s="10" t="s">
        <v>2033</v>
      </c>
      <c r="H652" s="10" t="s">
        <v>2034</v>
      </c>
      <c r="I652" s="11">
        <v>45684</v>
      </c>
    </row>
    <row r="653" spans="1:9" x14ac:dyDescent="0.2">
      <c r="A653" s="10">
        <v>2767</v>
      </c>
      <c r="B653" s="10" t="s">
        <v>4515</v>
      </c>
      <c r="C653" s="10" t="s">
        <v>4516</v>
      </c>
      <c r="D653" s="10" t="s">
        <v>4517</v>
      </c>
      <c r="E653" s="10" t="s">
        <v>4518</v>
      </c>
      <c r="F653" s="10" t="s">
        <v>4519</v>
      </c>
      <c r="G653" s="10" t="s">
        <v>4520</v>
      </c>
      <c r="H653" s="10" t="s">
        <v>4516</v>
      </c>
      <c r="I653" s="11">
        <v>44777</v>
      </c>
    </row>
    <row r="654" spans="1:9" x14ac:dyDescent="0.2">
      <c r="A654" s="10">
        <v>2970</v>
      </c>
      <c r="B654" s="10" t="s">
        <v>5637</v>
      </c>
      <c r="C654" s="10" t="s">
        <v>5638</v>
      </c>
      <c r="D654" s="10" t="s">
        <v>547</v>
      </c>
      <c r="E654" s="10" t="s">
        <v>5639</v>
      </c>
      <c r="F654" s="10" t="s">
        <v>5640</v>
      </c>
      <c r="G654" s="10" t="s">
        <v>4520</v>
      </c>
      <c r="H654" s="10" t="s">
        <v>5641</v>
      </c>
      <c r="I654" s="11">
        <v>45120</v>
      </c>
    </row>
    <row r="655" spans="1:9" x14ac:dyDescent="0.2">
      <c r="A655" s="10">
        <v>2602</v>
      </c>
      <c r="B655" s="10" t="s">
        <v>3633</v>
      </c>
      <c r="C655" s="10" t="s">
        <v>3634</v>
      </c>
      <c r="D655" s="10" t="s">
        <v>3635</v>
      </c>
      <c r="E655" s="10" t="s">
        <v>3636</v>
      </c>
      <c r="F655" s="10" t="s">
        <v>3637</v>
      </c>
      <c r="G655" s="10" t="s">
        <v>3638</v>
      </c>
      <c r="H655" s="10" t="s">
        <v>3639</v>
      </c>
      <c r="I655" s="11">
        <v>44543</v>
      </c>
    </row>
    <row r="656" spans="1:9" x14ac:dyDescent="0.2">
      <c r="A656" s="10">
        <v>2783</v>
      </c>
      <c r="B656" s="10" t="s">
        <v>4605</v>
      </c>
      <c r="C656" s="10" t="s">
        <v>4606</v>
      </c>
      <c r="D656" s="10" t="s">
        <v>4607</v>
      </c>
      <c r="E656" s="10" t="s">
        <v>4608</v>
      </c>
      <c r="F656" s="10" t="s">
        <v>4609</v>
      </c>
      <c r="G656" s="10" t="s">
        <v>4610</v>
      </c>
      <c r="H656" s="10" t="s">
        <v>4611</v>
      </c>
      <c r="I656" s="11">
        <v>44809</v>
      </c>
    </row>
    <row r="657" spans="1:9" x14ac:dyDescent="0.2">
      <c r="A657" s="10">
        <v>2397</v>
      </c>
      <c r="B657" s="10" t="s">
        <v>2565</v>
      </c>
      <c r="C657" s="10" t="s">
        <v>2566</v>
      </c>
      <c r="D657" s="10" t="s">
        <v>2567</v>
      </c>
      <c r="E657" s="10" t="s">
        <v>2568</v>
      </c>
      <c r="F657" s="10" t="s">
        <v>2569</v>
      </c>
      <c r="G657" s="10" t="s">
        <v>2570</v>
      </c>
      <c r="H657" s="10" t="s">
        <v>2566</v>
      </c>
      <c r="I657" s="11">
        <v>44242</v>
      </c>
    </row>
    <row r="658" spans="1:9" x14ac:dyDescent="0.2">
      <c r="A658" s="10">
        <v>1335</v>
      </c>
      <c r="B658" s="10" t="s">
        <v>639</v>
      </c>
      <c r="C658" s="10" t="s">
        <v>640</v>
      </c>
      <c r="D658" s="10" t="s">
        <v>641</v>
      </c>
      <c r="E658" s="10" t="s">
        <v>642</v>
      </c>
      <c r="F658" s="10" t="s">
        <v>643</v>
      </c>
      <c r="G658" s="10" t="s">
        <v>644</v>
      </c>
      <c r="H658" s="10" t="s">
        <v>645</v>
      </c>
      <c r="I658" s="11">
        <v>45504</v>
      </c>
    </row>
    <row r="659" spans="1:9" x14ac:dyDescent="0.2">
      <c r="A659" s="10">
        <v>1739</v>
      </c>
      <c r="B659" s="10" t="s">
        <v>1171</v>
      </c>
      <c r="C659" s="10" t="s">
        <v>1172</v>
      </c>
      <c r="D659" s="10" t="s">
        <v>1173</v>
      </c>
      <c r="E659" s="10" t="s">
        <v>1174</v>
      </c>
      <c r="F659" s="10" t="s">
        <v>1175</v>
      </c>
      <c r="G659" s="10" t="s">
        <v>1176</v>
      </c>
      <c r="H659" s="10" t="s">
        <v>1177</v>
      </c>
      <c r="I659" s="11">
        <v>44689</v>
      </c>
    </row>
    <row r="660" spans="1:9" x14ac:dyDescent="0.2">
      <c r="A660" s="10">
        <v>2749</v>
      </c>
      <c r="B660" s="10" t="s">
        <v>4413</v>
      </c>
      <c r="C660" s="10" t="s">
        <v>4414</v>
      </c>
      <c r="D660" s="10" t="s">
        <v>2767</v>
      </c>
      <c r="E660" s="10" t="s">
        <v>4415</v>
      </c>
      <c r="F660" s="10" t="s">
        <v>4416</v>
      </c>
      <c r="G660" s="10" t="s">
        <v>4417</v>
      </c>
      <c r="H660" s="10" t="s">
        <v>4418</v>
      </c>
      <c r="I660" s="11">
        <v>44756</v>
      </c>
    </row>
    <row r="661" spans="1:9" x14ac:dyDescent="0.2">
      <c r="A661" s="10">
        <v>3341</v>
      </c>
      <c r="B661" s="10" t="s">
        <v>7699</v>
      </c>
      <c r="C661" s="10" t="s">
        <v>35</v>
      </c>
      <c r="D661" s="10" t="s">
        <v>7700</v>
      </c>
      <c r="E661" s="10" t="s">
        <v>7701</v>
      </c>
      <c r="F661" s="10" t="s">
        <v>7702</v>
      </c>
      <c r="G661" s="10" t="s">
        <v>7703</v>
      </c>
      <c r="H661" s="10" t="s">
        <v>7704</v>
      </c>
      <c r="I661" s="11">
        <v>45610</v>
      </c>
    </row>
    <row r="662" spans="1:9" x14ac:dyDescent="0.2">
      <c r="A662" s="10">
        <v>2981</v>
      </c>
      <c r="B662" s="10" t="s">
        <v>5705</v>
      </c>
      <c r="C662" s="10" t="s">
        <v>5706</v>
      </c>
      <c r="D662" s="10" t="s">
        <v>1355</v>
      </c>
      <c r="E662" s="10" t="s">
        <v>5707</v>
      </c>
      <c r="F662" s="10" t="s">
        <v>5708</v>
      </c>
      <c r="G662" s="10" t="s">
        <v>5709</v>
      </c>
      <c r="H662" s="10" t="s">
        <v>5706</v>
      </c>
      <c r="I662" s="11">
        <v>45145</v>
      </c>
    </row>
    <row r="663" spans="1:9" x14ac:dyDescent="0.2">
      <c r="A663" s="10">
        <v>2876</v>
      </c>
      <c r="B663" s="10" t="s">
        <v>5127</v>
      </c>
      <c r="C663" s="10" t="s">
        <v>5128</v>
      </c>
      <c r="D663" s="10" t="s">
        <v>819</v>
      </c>
      <c r="E663" s="10" t="s">
        <v>5129</v>
      </c>
      <c r="F663" s="10" t="s">
        <v>5130</v>
      </c>
      <c r="G663" s="10" t="s">
        <v>5131</v>
      </c>
      <c r="H663" s="10" t="s">
        <v>5132</v>
      </c>
      <c r="I663" s="11">
        <v>45005</v>
      </c>
    </row>
    <row r="664" spans="1:9" x14ac:dyDescent="0.2">
      <c r="A664" s="10">
        <v>3045</v>
      </c>
      <c r="B664" s="10" t="s">
        <v>6071</v>
      </c>
      <c r="C664" s="10" t="s">
        <v>6072</v>
      </c>
      <c r="D664" s="10" t="s">
        <v>6073</v>
      </c>
      <c r="E664" s="10" t="s">
        <v>6074</v>
      </c>
      <c r="F664" s="10" t="s">
        <v>6075</v>
      </c>
      <c r="G664" s="10" t="s">
        <v>6076</v>
      </c>
      <c r="H664" s="10" t="s">
        <v>6072</v>
      </c>
      <c r="I664" s="11">
        <v>45239</v>
      </c>
    </row>
    <row r="665" spans="1:9" x14ac:dyDescent="0.2">
      <c r="A665" s="10">
        <v>2264</v>
      </c>
      <c r="B665" s="10" t="s">
        <v>2183</v>
      </c>
      <c r="C665" s="10" t="s">
        <v>2184</v>
      </c>
      <c r="D665" s="10" t="s">
        <v>2185</v>
      </c>
      <c r="E665" s="10" t="s">
        <v>2186</v>
      </c>
      <c r="F665" s="10" t="s">
        <v>2187</v>
      </c>
      <c r="G665" s="10" t="s">
        <v>2188</v>
      </c>
      <c r="H665" s="10" t="s">
        <v>2184</v>
      </c>
      <c r="I665" s="11">
        <v>45833</v>
      </c>
    </row>
    <row r="666" spans="1:9" x14ac:dyDescent="0.2">
      <c r="A666" s="10">
        <v>826</v>
      </c>
      <c r="B666" s="10" t="s">
        <v>290</v>
      </c>
      <c r="C666" s="10" t="s">
        <v>291</v>
      </c>
      <c r="D666" s="10" t="s">
        <v>292</v>
      </c>
      <c r="E666" s="10" t="s">
        <v>293</v>
      </c>
      <c r="F666" s="10" t="s">
        <v>294</v>
      </c>
      <c r="G666" s="10" t="s">
        <v>295</v>
      </c>
      <c r="H666" s="10" t="s">
        <v>291</v>
      </c>
      <c r="I666" s="11">
        <v>45396</v>
      </c>
    </row>
    <row r="667" spans="1:9" x14ac:dyDescent="0.2">
      <c r="A667" s="10">
        <v>3387</v>
      </c>
      <c r="B667" s="10" t="s">
        <v>7967</v>
      </c>
      <c r="C667" s="10" t="s">
        <v>7968</v>
      </c>
      <c r="D667" s="10" t="s">
        <v>7969</v>
      </c>
      <c r="E667" s="10" t="s">
        <v>7970</v>
      </c>
      <c r="F667" s="10" t="s">
        <v>7971</v>
      </c>
      <c r="G667" s="10" t="s">
        <v>7972</v>
      </c>
      <c r="H667" s="10" t="s">
        <v>7968</v>
      </c>
      <c r="I667" s="11">
        <v>45687</v>
      </c>
    </row>
    <row r="668" spans="1:9" x14ac:dyDescent="0.2">
      <c r="A668" s="10">
        <v>2823</v>
      </c>
      <c r="B668" s="10" t="s">
        <v>4831</v>
      </c>
      <c r="C668" s="10" t="s">
        <v>4832</v>
      </c>
      <c r="D668" s="10" t="s">
        <v>3252</v>
      </c>
      <c r="E668" s="10" t="s">
        <v>4833</v>
      </c>
      <c r="F668" s="10" t="s">
        <v>4834</v>
      </c>
      <c r="G668" s="10" t="s">
        <v>4835</v>
      </c>
      <c r="H668" s="10" t="s">
        <v>4836</v>
      </c>
      <c r="I668" s="11">
        <v>44886</v>
      </c>
    </row>
    <row r="669" spans="1:9" x14ac:dyDescent="0.2">
      <c r="A669" s="10">
        <v>3067</v>
      </c>
      <c r="B669" s="10" t="s">
        <v>6186</v>
      </c>
      <c r="C669" s="10" t="s">
        <v>6187</v>
      </c>
      <c r="D669" s="10" t="s">
        <v>3635</v>
      </c>
      <c r="E669" s="10" t="s">
        <v>6188</v>
      </c>
      <c r="F669" s="10" t="s">
        <v>6189</v>
      </c>
      <c r="G669" s="10" t="s">
        <v>6190</v>
      </c>
      <c r="H669" s="10" t="s">
        <v>6191</v>
      </c>
      <c r="I669" s="11">
        <v>45264</v>
      </c>
    </row>
    <row r="670" spans="1:9" x14ac:dyDescent="0.2">
      <c r="A670" s="10">
        <v>2894</v>
      </c>
      <c r="B670" s="10" t="s">
        <v>5230</v>
      </c>
      <c r="C670" s="10" t="s">
        <v>5231</v>
      </c>
      <c r="D670" s="10" t="s">
        <v>2560</v>
      </c>
      <c r="E670" s="10" t="s">
        <v>5232</v>
      </c>
      <c r="F670" s="10" t="s">
        <v>5233</v>
      </c>
      <c r="G670" s="10" t="s">
        <v>5234</v>
      </c>
      <c r="H670" s="10" t="s">
        <v>5231</v>
      </c>
      <c r="I670" s="11">
        <v>45019</v>
      </c>
    </row>
    <row r="671" spans="1:9" x14ac:dyDescent="0.2">
      <c r="A671" s="10">
        <v>3016</v>
      </c>
      <c r="B671" s="10" t="s">
        <v>5908</v>
      </c>
      <c r="C671" s="10" t="s">
        <v>5909</v>
      </c>
      <c r="D671" s="10" t="s">
        <v>5092</v>
      </c>
      <c r="E671" s="10" t="s">
        <v>5910</v>
      </c>
      <c r="F671" s="10" t="s">
        <v>5911</v>
      </c>
      <c r="G671" s="10" t="s">
        <v>5912</v>
      </c>
      <c r="H671" s="10" t="s">
        <v>5909</v>
      </c>
      <c r="I671" s="11">
        <v>45201</v>
      </c>
    </row>
    <row r="672" spans="1:9" x14ac:dyDescent="0.2">
      <c r="A672" s="10">
        <v>1923</v>
      </c>
      <c r="B672" s="10" t="s">
        <v>1565</v>
      </c>
      <c r="C672" s="10" t="s">
        <v>1566</v>
      </c>
      <c r="D672" s="10" t="s">
        <v>1567</v>
      </c>
      <c r="E672" s="10" t="s">
        <v>1568</v>
      </c>
      <c r="F672" s="10" t="s">
        <v>1569</v>
      </c>
      <c r="G672" s="10" t="s">
        <v>1570</v>
      </c>
      <c r="H672" s="10" t="s">
        <v>1571</v>
      </c>
      <c r="I672" s="11">
        <v>45109</v>
      </c>
    </row>
    <row r="673" spans="1:9" x14ac:dyDescent="0.2">
      <c r="A673" s="13">
        <v>3470</v>
      </c>
      <c r="B673" s="10" t="s">
        <v>8427</v>
      </c>
      <c r="C673" s="10" t="s">
        <v>8428</v>
      </c>
      <c r="D673" s="10" t="s">
        <v>8429</v>
      </c>
      <c r="E673" s="10" t="s">
        <v>8430</v>
      </c>
      <c r="F673" s="10" t="s">
        <v>8431</v>
      </c>
      <c r="G673" s="10" t="s">
        <v>8432</v>
      </c>
      <c r="H673" s="10" t="s">
        <v>8433</v>
      </c>
      <c r="I673" s="11">
        <v>45806</v>
      </c>
    </row>
    <row r="674" spans="1:9" x14ac:dyDescent="0.2">
      <c r="A674" s="10">
        <v>3044</v>
      </c>
      <c r="B674" s="10" t="s">
        <v>6064</v>
      </c>
      <c r="C674" s="10" t="s">
        <v>6065</v>
      </c>
      <c r="D674" s="10" t="s">
        <v>6066</v>
      </c>
      <c r="E674" s="10" t="s">
        <v>6067</v>
      </c>
      <c r="F674" s="10" t="s">
        <v>6068</v>
      </c>
      <c r="G674" s="10" t="s">
        <v>6069</v>
      </c>
      <c r="H674" s="10" t="s">
        <v>6070</v>
      </c>
      <c r="I674" s="11">
        <v>45236</v>
      </c>
    </row>
    <row r="675" spans="1:9" x14ac:dyDescent="0.2">
      <c r="A675" s="10">
        <v>2412</v>
      </c>
      <c r="B675" s="10" t="s">
        <v>2649</v>
      </c>
      <c r="C675" s="10" t="s">
        <v>35</v>
      </c>
      <c r="D675" s="10" t="s">
        <v>2111</v>
      </c>
      <c r="E675" s="10" t="s">
        <v>2650</v>
      </c>
      <c r="F675" s="10" t="s">
        <v>2651</v>
      </c>
      <c r="G675" s="10" t="s">
        <v>2652</v>
      </c>
      <c r="H675" s="10" t="s">
        <v>2653</v>
      </c>
      <c r="I675" s="11">
        <v>44263</v>
      </c>
    </row>
    <row r="676" spans="1:9" x14ac:dyDescent="0.2">
      <c r="A676" s="10">
        <v>1687</v>
      </c>
      <c r="B676" s="10" t="s">
        <v>1068</v>
      </c>
      <c r="C676" s="10" t="s">
        <v>1069</v>
      </c>
      <c r="D676" s="10" t="s">
        <v>1070</v>
      </c>
      <c r="E676" s="10" t="s">
        <v>1071</v>
      </c>
      <c r="F676" s="10" t="s">
        <v>1072</v>
      </c>
      <c r="G676" s="10" t="s">
        <v>1073</v>
      </c>
      <c r="H676" s="10" t="s">
        <v>1069</v>
      </c>
      <c r="I676" s="11">
        <v>44587</v>
      </c>
    </row>
    <row r="677" spans="1:9" x14ac:dyDescent="0.2">
      <c r="A677" s="10">
        <v>2925</v>
      </c>
      <c r="B677" s="10" t="s">
        <v>5405</v>
      </c>
      <c r="C677" s="10" t="s">
        <v>5406</v>
      </c>
      <c r="D677" s="10" t="s">
        <v>5407</v>
      </c>
      <c r="E677" s="10" t="s">
        <v>5408</v>
      </c>
      <c r="F677" s="10" t="s">
        <v>5409</v>
      </c>
      <c r="G677" s="10" t="s">
        <v>5410</v>
      </c>
      <c r="H677" s="10" t="s">
        <v>5411</v>
      </c>
      <c r="I677" s="11">
        <v>45071</v>
      </c>
    </row>
    <row r="678" spans="1:9" x14ac:dyDescent="0.2">
      <c r="A678" s="14">
        <v>3557</v>
      </c>
      <c r="B678" s="15" t="s">
        <v>8924</v>
      </c>
      <c r="C678" s="10" t="s">
        <v>8925</v>
      </c>
      <c r="D678" s="15" t="s">
        <v>8926</v>
      </c>
      <c r="E678" s="10" t="s">
        <v>8927</v>
      </c>
      <c r="F678" s="10" t="s">
        <v>8928</v>
      </c>
      <c r="G678" s="10" t="s">
        <v>8929</v>
      </c>
      <c r="H678" s="10" t="s">
        <v>8925</v>
      </c>
      <c r="I678" s="11">
        <v>45894</v>
      </c>
    </row>
    <row r="679" spans="1:9" x14ac:dyDescent="0.2">
      <c r="A679" s="10">
        <v>1386</v>
      </c>
      <c r="B679" s="10" t="s">
        <v>670</v>
      </c>
      <c r="C679" s="10" t="s">
        <v>671</v>
      </c>
      <c r="D679" s="10" t="s">
        <v>672</v>
      </c>
      <c r="E679" s="10" t="s">
        <v>673</v>
      </c>
      <c r="F679" s="10" t="s">
        <v>674</v>
      </c>
      <c r="G679" s="10" t="s">
        <v>675</v>
      </c>
      <c r="H679" s="10" t="s">
        <v>671</v>
      </c>
      <c r="I679" s="11">
        <v>45650</v>
      </c>
    </row>
    <row r="680" spans="1:9" x14ac:dyDescent="0.2">
      <c r="A680" s="10">
        <v>3245</v>
      </c>
      <c r="B680" s="10" t="s">
        <v>7151</v>
      </c>
      <c r="C680" s="10" t="s">
        <v>35</v>
      </c>
      <c r="D680" s="10" t="s">
        <v>7152</v>
      </c>
      <c r="E680" s="10" t="s">
        <v>7153</v>
      </c>
      <c r="F680" s="10" t="s">
        <v>7154</v>
      </c>
      <c r="G680" s="10" t="s">
        <v>7155</v>
      </c>
      <c r="H680" s="10" t="s">
        <v>7156</v>
      </c>
      <c r="I680" s="11">
        <v>45491</v>
      </c>
    </row>
    <row r="681" spans="1:9" x14ac:dyDescent="0.2">
      <c r="A681" s="10">
        <v>3115</v>
      </c>
      <c r="B681" s="10" t="s">
        <v>6468</v>
      </c>
      <c r="C681" s="10" t="s">
        <v>6469</v>
      </c>
      <c r="D681" s="10" t="s">
        <v>1936</v>
      </c>
      <c r="E681" s="10" t="s">
        <v>6470</v>
      </c>
      <c r="F681" s="10" t="s">
        <v>6471</v>
      </c>
      <c r="G681" s="10" t="s">
        <v>6472</v>
      </c>
      <c r="H681" s="10" t="s">
        <v>6473</v>
      </c>
      <c r="I681" s="11">
        <v>45316</v>
      </c>
    </row>
    <row r="682" spans="1:9" x14ac:dyDescent="0.2">
      <c r="A682" s="10">
        <v>3139</v>
      </c>
      <c r="B682" s="10" t="s">
        <v>6581</v>
      </c>
      <c r="C682" s="10" t="s">
        <v>6582</v>
      </c>
      <c r="D682" s="10" t="s">
        <v>6583</v>
      </c>
      <c r="E682" s="10" t="s">
        <v>6584</v>
      </c>
      <c r="F682" s="10" t="s">
        <v>6585</v>
      </c>
      <c r="G682" s="10" t="s">
        <v>6586</v>
      </c>
      <c r="H682" s="10" t="s">
        <v>6587</v>
      </c>
      <c r="I682" s="11">
        <v>45344</v>
      </c>
    </row>
    <row r="683" spans="1:9" x14ac:dyDescent="0.2">
      <c r="A683" s="10">
        <v>2272</v>
      </c>
      <c r="B683" s="10" t="s">
        <v>2196</v>
      </c>
      <c r="C683" s="10" t="s">
        <v>2197</v>
      </c>
      <c r="D683" s="10" t="s">
        <v>2198</v>
      </c>
      <c r="E683" s="10" t="s">
        <v>2199</v>
      </c>
      <c r="F683" s="10" t="s">
        <v>2200</v>
      </c>
      <c r="G683" s="10" t="s">
        <v>2201</v>
      </c>
      <c r="H683" s="10" t="s">
        <v>2197</v>
      </c>
      <c r="I683" s="11">
        <v>45847</v>
      </c>
    </row>
    <row r="684" spans="1:9" x14ac:dyDescent="0.2">
      <c r="A684" s="10">
        <v>2991</v>
      </c>
      <c r="B684" s="10" t="s">
        <v>5761</v>
      </c>
      <c r="C684" s="10" t="s">
        <v>35</v>
      </c>
      <c r="D684" s="10" t="s">
        <v>5762</v>
      </c>
      <c r="E684" s="10" t="s">
        <v>5763</v>
      </c>
      <c r="F684" s="10" t="s">
        <v>5764</v>
      </c>
      <c r="G684" s="10" t="s">
        <v>5765</v>
      </c>
      <c r="H684" s="10" t="s">
        <v>5766</v>
      </c>
      <c r="I684" s="11">
        <v>45162</v>
      </c>
    </row>
    <row r="685" spans="1:9" x14ac:dyDescent="0.2">
      <c r="A685" s="10">
        <v>2772</v>
      </c>
      <c r="B685" s="10" t="s">
        <v>4548</v>
      </c>
      <c r="C685" s="10" t="s">
        <v>4549</v>
      </c>
      <c r="D685" s="10" t="s">
        <v>4550</v>
      </c>
      <c r="E685" s="10" t="s">
        <v>4551</v>
      </c>
      <c r="F685" s="10" t="s">
        <v>4552</v>
      </c>
      <c r="G685" s="10" t="s">
        <v>4553</v>
      </c>
      <c r="H685" s="10" t="s">
        <v>4549</v>
      </c>
      <c r="I685" s="11">
        <v>44791</v>
      </c>
    </row>
    <row r="686" spans="1:9" x14ac:dyDescent="0.2">
      <c r="A686" s="10">
        <v>2892</v>
      </c>
      <c r="B686" s="10" t="s">
        <v>5217</v>
      </c>
      <c r="C686" s="10" t="s">
        <v>5218</v>
      </c>
      <c r="D686" s="10" t="s">
        <v>5219</v>
      </c>
      <c r="E686" s="10" t="s">
        <v>5220</v>
      </c>
      <c r="F686" s="10" t="s">
        <v>5221</v>
      </c>
      <c r="G686" s="10" t="s">
        <v>5222</v>
      </c>
      <c r="H686" s="10" t="s">
        <v>5223</v>
      </c>
      <c r="I686" s="11">
        <v>45015</v>
      </c>
    </row>
    <row r="687" spans="1:9" x14ac:dyDescent="0.2">
      <c r="A687" s="10">
        <v>3385</v>
      </c>
      <c r="B687" s="10" t="s">
        <v>7955</v>
      </c>
      <c r="C687" s="10" t="s">
        <v>7956</v>
      </c>
      <c r="D687" s="10" t="s">
        <v>7957</v>
      </c>
      <c r="E687" s="10" t="s">
        <v>7958</v>
      </c>
      <c r="F687" s="10" t="s">
        <v>7959</v>
      </c>
      <c r="G687" s="10" t="s">
        <v>7960</v>
      </c>
      <c r="H687" s="10" t="s">
        <v>7956</v>
      </c>
      <c r="I687" s="11">
        <v>45687</v>
      </c>
    </row>
    <row r="688" spans="1:9" x14ac:dyDescent="0.2">
      <c r="A688" s="10">
        <v>3148</v>
      </c>
      <c r="B688" s="10" t="s">
        <v>6639</v>
      </c>
      <c r="C688" s="10" t="s">
        <v>6640</v>
      </c>
      <c r="D688" s="10" t="s">
        <v>6641</v>
      </c>
      <c r="E688" s="10" t="s">
        <v>6642</v>
      </c>
      <c r="F688" s="10" t="s">
        <v>6643</v>
      </c>
      <c r="G688" s="10" t="s">
        <v>6644</v>
      </c>
      <c r="H688" s="10" t="s">
        <v>6640</v>
      </c>
      <c r="I688" s="11">
        <v>45362</v>
      </c>
    </row>
    <row r="689" spans="1:9" x14ac:dyDescent="0.2">
      <c r="A689" s="14">
        <v>3616</v>
      </c>
      <c r="B689" s="15" t="s">
        <v>9254</v>
      </c>
      <c r="C689" s="10" t="s">
        <v>9255</v>
      </c>
      <c r="D689" s="15" t="s">
        <v>98</v>
      </c>
      <c r="E689" s="10" t="s">
        <v>9256</v>
      </c>
      <c r="F689" s="10" t="s">
        <v>9257</v>
      </c>
      <c r="G689" s="10" t="s">
        <v>9258</v>
      </c>
      <c r="H689" s="10" t="s">
        <v>9259</v>
      </c>
      <c r="I689" s="11">
        <v>46002</v>
      </c>
    </row>
    <row r="690" spans="1:9" x14ac:dyDescent="0.2">
      <c r="A690" s="14">
        <v>3558</v>
      </c>
      <c r="B690" s="15" t="s">
        <v>8930</v>
      </c>
      <c r="C690" s="10" t="s">
        <v>8931</v>
      </c>
      <c r="D690" s="15" t="s">
        <v>8932</v>
      </c>
      <c r="E690" s="10" t="s">
        <v>8933</v>
      </c>
      <c r="F690" s="10" t="s">
        <v>8934</v>
      </c>
      <c r="G690" s="10" t="s">
        <v>8935</v>
      </c>
      <c r="H690" s="10" t="s">
        <v>8936</v>
      </c>
      <c r="I690" s="11">
        <v>45925</v>
      </c>
    </row>
    <row r="691" spans="1:9" x14ac:dyDescent="0.2">
      <c r="A691" s="10">
        <v>2765</v>
      </c>
      <c r="B691" s="10" t="s">
        <v>4508</v>
      </c>
      <c r="C691" s="10" t="s">
        <v>4509</v>
      </c>
      <c r="D691" s="10" t="s">
        <v>4510</v>
      </c>
      <c r="E691" s="10" t="s">
        <v>4511</v>
      </c>
      <c r="F691" s="10" t="s">
        <v>4512</v>
      </c>
      <c r="G691" s="10" t="s">
        <v>4513</v>
      </c>
      <c r="H691" s="10" t="s">
        <v>4514</v>
      </c>
      <c r="I691" s="11">
        <v>44774</v>
      </c>
    </row>
    <row r="692" spans="1:9" x14ac:dyDescent="0.2">
      <c r="A692" s="10">
        <v>2852</v>
      </c>
      <c r="B692" s="10" t="s">
        <v>4982</v>
      </c>
      <c r="C692" s="10" t="s">
        <v>4983</v>
      </c>
      <c r="D692" s="10" t="s">
        <v>4009</v>
      </c>
      <c r="E692" s="10" t="s">
        <v>4984</v>
      </c>
      <c r="F692" s="10" t="s">
        <v>4985</v>
      </c>
      <c r="G692" s="10" t="s">
        <v>4986</v>
      </c>
      <c r="H692" s="10" t="s">
        <v>4987</v>
      </c>
      <c r="I692" s="11">
        <v>44963</v>
      </c>
    </row>
    <row r="693" spans="1:9" x14ac:dyDescent="0.2">
      <c r="A693" s="10">
        <v>2012</v>
      </c>
      <c r="B693" s="10" t="s">
        <v>1697</v>
      </c>
      <c r="C693" s="10" t="s">
        <v>1698</v>
      </c>
      <c r="D693" s="10" t="s">
        <v>297</v>
      </c>
      <c r="E693" s="10" t="s">
        <v>1699</v>
      </c>
      <c r="F693" s="10" t="s">
        <v>1700</v>
      </c>
      <c r="G693" s="10" t="s">
        <v>1701</v>
      </c>
      <c r="H693" s="10" t="s">
        <v>1702</v>
      </c>
      <c r="I693" s="11">
        <v>45340</v>
      </c>
    </row>
    <row r="694" spans="1:9" x14ac:dyDescent="0.2">
      <c r="A694" s="10">
        <v>2725</v>
      </c>
      <c r="B694" s="10" t="s">
        <v>4279</v>
      </c>
      <c r="C694" s="10" t="s">
        <v>35</v>
      </c>
      <c r="D694" s="10" t="s">
        <v>4280</v>
      </c>
      <c r="E694" s="10" t="s">
        <v>4281</v>
      </c>
      <c r="F694" s="10" t="s">
        <v>4282</v>
      </c>
      <c r="G694" s="10" t="s">
        <v>4283</v>
      </c>
      <c r="H694" s="10" t="s">
        <v>4284</v>
      </c>
      <c r="I694" s="11">
        <v>44732</v>
      </c>
    </row>
    <row r="695" spans="1:9" x14ac:dyDescent="0.2">
      <c r="A695" s="10">
        <v>2389</v>
      </c>
      <c r="B695" s="10" t="s">
        <v>2515</v>
      </c>
      <c r="C695" s="10" t="s">
        <v>2516</v>
      </c>
      <c r="D695" s="10" t="s">
        <v>1318</v>
      </c>
      <c r="E695" s="10" t="s">
        <v>2517</v>
      </c>
      <c r="F695" s="10" t="s">
        <v>2518</v>
      </c>
      <c r="G695" s="10" t="s">
        <v>2519</v>
      </c>
      <c r="H695" s="10" t="s">
        <v>2516</v>
      </c>
      <c r="I695" s="11">
        <v>46050</v>
      </c>
    </row>
    <row r="696" spans="1:9" x14ac:dyDescent="0.2">
      <c r="A696" s="10">
        <v>3353</v>
      </c>
      <c r="B696" s="10" t="s">
        <v>7771</v>
      </c>
      <c r="C696" s="10" t="s">
        <v>7772</v>
      </c>
      <c r="D696" s="10" t="s">
        <v>7773</v>
      </c>
      <c r="E696" s="10" t="s">
        <v>7774</v>
      </c>
      <c r="F696" s="10" t="s">
        <v>7775</v>
      </c>
      <c r="G696" s="10" t="s">
        <v>7776</v>
      </c>
      <c r="H696" s="10" t="s">
        <v>7777</v>
      </c>
      <c r="I696" s="12">
        <v>45642</v>
      </c>
    </row>
    <row r="697" spans="1:9" x14ac:dyDescent="0.2">
      <c r="A697" s="10">
        <v>3052</v>
      </c>
      <c r="B697" s="10" t="s">
        <v>6097</v>
      </c>
      <c r="C697" s="10" t="s">
        <v>6098</v>
      </c>
      <c r="D697" s="10" t="s">
        <v>3901</v>
      </c>
      <c r="E697" s="10" t="s">
        <v>6099</v>
      </c>
      <c r="F697" s="10" t="s">
        <v>6100</v>
      </c>
      <c r="G697" s="10" t="s">
        <v>6101</v>
      </c>
      <c r="H697" s="10" t="s">
        <v>6102</v>
      </c>
      <c r="I697" s="11">
        <v>45250</v>
      </c>
    </row>
    <row r="698" spans="1:9" x14ac:dyDescent="0.2">
      <c r="A698" s="10">
        <v>2797</v>
      </c>
      <c r="B698" s="10" t="s">
        <v>4684</v>
      </c>
      <c r="C698" s="10" t="s">
        <v>4685</v>
      </c>
      <c r="D698" s="10" t="s">
        <v>4686</v>
      </c>
      <c r="E698" s="10" t="s">
        <v>4687</v>
      </c>
      <c r="F698" s="10" t="s">
        <v>4688</v>
      </c>
      <c r="G698" s="10" t="s">
        <v>4689</v>
      </c>
      <c r="H698" s="10" t="s">
        <v>4690</v>
      </c>
      <c r="I698" s="11">
        <v>44833</v>
      </c>
    </row>
    <row r="699" spans="1:9" x14ac:dyDescent="0.2">
      <c r="A699" s="13">
        <v>3413</v>
      </c>
      <c r="B699" s="10" t="s">
        <v>8117</v>
      </c>
      <c r="C699" s="10" t="s">
        <v>8118</v>
      </c>
      <c r="D699" s="10" t="s">
        <v>1537</v>
      </c>
      <c r="E699" s="10" t="s">
        <v>8119</v>
      </c>
      <c r="F699" s="10" t="s">
        <v>8120</v>
      </c>
      <c r="G699" s="10" t="s">
        <v>8121</v>
      </c>
      <c r="H699" s="10" t="s">
        <v>8118</v>
      </c>
      <c r="I699" s="11">
        <v>45715</v>
      </c>
    </row>
    <row r="700" spans="1:9" x14ac:dyDescent="0.2">
      <c r="A700" s="10">
        <v>1553</v>
      </c>
      <c r="B700" s="10" t="s">
        <v>823</v>
      </c>
      <c r="C700" s="10" t="s">
        <v>35</v>
      </c>
      <c r="D700" s="10" t="s">
        <v>824</v>
      </c>
      <c r="E700" s="10" t="s">
        <v>825</v>
      </c>
      <c r="F700" s="10" t="s">
        <v>826</v>
      </c>
      <c r="G700" s="10" t="s">
        <v>827</v>
      </c>
      <c r="H700" s="10" t="s">
        <v>828</v>
      </c>
      <c r="I700" s="11">
        <v>44312</v>
      </c>
    </row>
    <row r="701" spans="1:9" x14ac:dyDescent="0.2">
      <c r="A701" s="10">
        <v>2672</v>
      </c>
      <c r="B701" s="10" t="s">
        <v>3996</v>
      </c>
      <c r="C701" s="10" t="s">
        <v>35</v>
      </c>
      <c r="D701" s="10" t="s">
        <v>3997</v>
      </c>
      <c r="E701" s="10" t="s">
        <v>3998</v>
      </c>
      <c r="F701" s="10" t="s">
        <v>3999</v>
      </c>
      <c r="G701" s="10" t="s">
        <v>4000</v>
      </c>
      <c r="H701" s="10" t="s">
        <v>4001</v>
      </c>
      <c r="I701" s="11">
        <v>44648</v>
      </c>
    </row>
    <row r="702" spans="1:9" x14ac:dyDescent="0.2">
      <c r="A702" s="10">
        <v>1798</v>
      </c>
      <c r="B702" s="10" t="s">
        <v>1286</v>
      </c>
      <c r="C702" s="10" t="s">
        <v>35</v>
      </c>
      <c r="D702" s="10" t="s">
        <v>1287</v>
      </c>
      <c r="E702" s="10" t="s">
        <v>1288</v>
      </c>
      <c r="F702" s="10" t="s">
        <v>1289</v>
      </c>
      <c r="G702" s="10" t="s">
        <v>1290</v>
      </c>
      <c r="H702" s="10" t="s">
        <v>1291</v>
      </c>
      <c r="I702" s="11">
        <v>44829</v>
      </c>
    </row>
    <row r="703" spans="1:9" x14ac:dyDescent="0.2">
      <c r="A703" s="10">
        <v>2363</v>
      </c>
      <c r="B703" s="10" t="s">
        <v>2389</v>
      </c>
      <c r="C703" s="10" t="s">
        <v>35</v>
      </c>
      <c r="D703" s="10" t="s">
        <v>2390</v>
      </c>
      <c r="E703" s="10" t="s">
        <v>2391</v>
      </c>
      <c r="F703" s="10" t="s">
        <v>2392</v>
      </c>
      <c r="G703" s="10" t="s">
        <v>2393</v>
      </c>
      <c r="H703" s="10" t="s">
        <v>2394</v>
      </c>
      <c r="I703" s="11">
        <v>44224</v>
      </c>
    </row>
    <row r="704" spans="1:9" x14ac:dyDescent="0.2">
      <c r="A704" s="10">
        <v>437</v>
      </c>
      <c r="B704" s="10" t="s">
        <v>168</v>
      </c>
      <c r="C704" s="10" t="s">
        <v>169</v>
      </c>
      <c r="D704" s="10" t="s">
        <v>170</v>
      </c>
      <c r="E704" s="10" t="s">
        <v>171</v>
      </c>
      <c r="F704" s="10" t="s">
        <v>172</v>
      </c>
      <c r="G704" s="10" t="s">
        <v>173</v>
      </c>
      <c r="H704" s="10" t="s">
        <v>174</v>
      </c>
      <c r="I704" s="11">
        <v>45445</v>
      </c>
    </row>
    <row r="705" spans="1:9" x14ac:dyDescent="0.2">
      <c r="A705" s="10">
        <v>2918</v>
      </c>
      <c r="B705" s="10" t="s">
        <v>5365</v>
      </c>
      <c r="C705" s="10" t="s">
        <v>5004</v>
      </c>
      <c r="D705" s="10" t="s">
        <v>5000</v>
      </c>
      <c r="E705" s="10" t="s">
        <v>5001</v>
      </c>
      <c r="F705" s="10" t="s">
        <v>5366</v>
      </c>
      <c r="G705" s="10" t="s">
        <v>5367</v>
      </c>
      <c r="H705" s="10" t="s">
        <v>5004</v>
      </c>
      <c r="I705" s="11">
        <v>45061</v>
      </c>
    </row>
    <row r="706" spans="1:9" x14ac:dyDescent="0.2">
      <c r="A706" s="10">
        <v>2855</v>
      </c>
      <c r="B706" s="10" t="s">
        <v>4999</v>
      </c>
      <c r="C706" s="10" t="s">
        <v>35</v>
      </c>
      <c r="D706" s="10" t="s">
        <v>5000</v>
      </c>
      <c r="E706" s="10" t="s">
        <v>5001</v>
      </c>
      <c r="F706" s="10" t="s">
        <v>5002</v>
      </c>
      <c r="G706" s="10" t="s">
        <v>5003</v>
      </c>
      <c r="H706" s="10" t="s">
        <v>5004</v>
      </c>
      <c r="I706" s="11">
        <v>44952</v>
      </c>
    </row>
    <row r="707" spans="1:9" x14ac:dyDescent="0.2">
      <c r="A707" s="10">
        <v>3389</v>
      </c>
      <c r="B707" s="10" t="s">
        <v>7973</v>
      </c>
      <c r="C707" s="10" t="s">
        <v>35</v>
      </c>
      <c r="D707" s="10" t="s">
        <v>3981</v>
      </c>
      <c r="E707" s="10" t="s">
        <v>7974</v>
      </c>
      <c r="F707" s="10" t="s">
        <v>7975</v>
      </c>
      <c r="G707" s="10" t="s">
        <v>7976</v>
      </c>
      <c r="H707" s="10" t="s">
        <v>7977</v>
      </c>
      <c r="I707" s="11">
        <v>45687</v>
      </c>
    </row>
    <row r="708" spans="1:9" x14ac:dyDescent="0.2">
      <c r="A708" s="10">
        <v>2592</v>
      </c>
      <c r="B708" s="10" t="s">
        <v>3572</v>
      </c>
      <c r="C708" s="10" t="s">
        <v>3573</v>
      </c>
      <c r="D708" s="10" t="s">
        <v>3429</v>
      </c>
      <c r="E708" s="10" t="s">
        <v>3574</v>
      </c>
      <c r="F708" s="10" t="s">
        <v>3575</v>
      </c>
      <c r="G708" s="10" t="s">
        <v>3576</v>
      </c>
      <c r="H708" s="10" t="s">
        <v>3577</v>
      </c>
      <c r="I708" s="11">
        <v>44529</v>
      </c>
    </row>
    <row r="709" spans="1:9" x14ac:dyDescent="0.2">
      <c r="A709" s="10">
        <v>3192</v>
      </c>
      <c r="B709" s="10" t="s">
        <v>6861</v>
      </c>
      <c r="C709" s="10" t="s">
        <v>6862</v>
      </c>
      <c r="D709" s="10" t="s">
        <v>678</v>
      </c>
      <c r="E709" s="10" t="s">
        <v>6863</v>
      </c>
      <c r="F709" s="10" t="s">
        <v>6864</v>
      </c>
      <c r="G709" s="10" t="s">
        <v>6865</v>
      </c>
      <c r="H709" s="10" t="s">
        <v>6862</v>
      </c>
      <c r="I709" s="11">
        <v>45412</v>
      </c>
    </row>
    <row r="710" spans="1:9" x14ac:dyDescent="0.2">
      <c r="A710" s="10">
        <v>2568</v>
      </c>
      <c r="B710" s="10" t="s">
        <v>3448</v>
      </c>
      <c r="C710" s="10" t="s">
        <v>3449</v>
      </c>
      <c r="D710" s="10" t="s">
        <v>3450</v>
      </c>
      <c r="E710" s="10" t="s">
        <v>3451</v>
      </c>
      <c r="F710" s="10" t="s">
        <v>3452</v>
      </c>
      <c r="G710" s="10" t="s">
        <v>3453</v>
      </c>
      <c r="H710" s="10" t="s">
        <v>3454</v>
      </c>
      <c r="I710" s="11">
        <v>44480</v>
      </c>
    </row>
    <row r="711" spans="1:9" x14ac:dyDescent="0.2">
      <c r="A711" s="10">
        <v>2391</v>
      </c>
      <c r="B711" s="10" t="s">
        <v>2526</v>
      </c>
      <c r="C711" s="10" t="s">
        <v>2527</v>
      </c>
      <c r="D711" s="10" t="s">
        <v>824</v>
      </c>
      <c r="E711" s="10" t="s">
        <v>2528</v>
      </c>
      <c r="F711" s="10" t="s">
        <v>2529</v>
      </c>
      <c r="G711" s="10" t="s">
        <v>2530</v>
      </c>
      <c r="H711" s="10" t="s">
        <v>2531</v>
      </c>
      <c r="I711" s="11">
        <v>44224</v>
      </c>
    </row>
    <row r="712" spans="1:9" x14ac:dyDescent="0.2">
      <c r="A712" s="10">
        <v>3080</v>
      </c>
      <c r="B712" s="10" t="s">
        <v>6256</v>
      </c>
      <c r="C712" s="10" t="s">
        <v>6257</v>
      </c>
      <c r="D712" s="10" t="s">
        <v>5861</v>
      </c>
      <c r="E712" s="10" t="s">
        <v>6258</v>
      </c>
      <c r="F712" s="10" t="s">
        <v>6259</v>
      </c>
      <c r="G712" s="10" t="s">
        <v>6260</v>
      </c>
      <c r="H712" s="10" t="s">
        <v>6261</v>
      </c>
      <c r="I712" s="11">
        <v>45274</v>
      </c>
    </row>
    <row r="713" spans="1:9" x14ac:dyDescent="0.2">
      <c r="A713" s="10">
        <v>2977</v>
      </c>
      <c r="B713" s="10" t="s">
        <v>5680</v>
      </c>
      <c r="C713" s="10" t="s">
        <v>5681</v>
      </c>
      <c r="D713" s="10" t="s">
        <v>4517</v>
      </c>
      <c r="E713" s="10" t="s">
        <v>5682</v>
      </c>
      <c r="F713" s="10" t="s">
        <v>5683</v>
      </c>
      <c r="G713" s="10" t="s">
        <v>5684</v>
      </c>
      <c r="H713" s="10" t="s">
        <v>5681</v>
      </c>
      <c r="I713" s="11">
        <v>45131</v>
      </c>
    </row>
    <row r="714" spans="1:9" x14ac:dyDescent="0.2">
      <c r="A714" s="10">
        <v>1843</v>
      </c>
      <c r="B714" s="10" t="s">
        <v>1353</v>
      </c>
      <c r="C714" s="10" t="s">
        <v>1354</v>
      </c>
      <c r="D714" s="10" t="s">
        <v>1355</v>
      </c>
      <c r="E714" s="10" t="s">
        <v>1356</v>
      </c>
      <c r="F714" s="10" t="s">
        <v>1357</v>
      </c>
      <c r="G714" s="10" t="s">
        <v>1358</v>
      </c>
      <c r="H714" s="10" t="s">
        <v>1354</v>
      </c>
      <c r="I714" s="11">
        <v>44941</v>
      </c>
    </row>
    <row r="715" spans="1:9" x14ac:dyDescent="0.2">
      <c r="A715" s="10">
        <v>3099</v>
      </c>
      <c r="B715" s="10" t="s">
        <v>6368</v>
      </c>
      <c r="C715" s="10" t="s">
        <v>6369</v>
      </c>
      <c r="D715" s="10" t="s">
        <v>6370</v>
      </c>
      <c r="E715" s="10" t="s">
        <v>6371</v>
      </c>
      <c r="F715" s="10" t="s">
        <v>6372</v>
      </c>
      <c r="G715" s="10" t="s">
        <v>1358</v>
      </c>
      <c r="H715" s="10" t="s">
        <v>6373</v>
      </c>
      <c r="I715" s="11">
        <v>45285</v>
      </c>
    </row>
    <row r="716" spans="1:9" x14ac:dyDescent="0.2">
      <c r="A716" s="13">
        <v>3460</v>
      </c>
      <c r="B716" s="10" t="s">
        <v>8376</v>
      </c>
      <c r="C716" s="10" t="s">
        <v>8377</v>
      </c>
      <c r="D716" s="10" t="s">
        <v>7234</v>
      </c>
      <c r="E716" s="10" t="s">
        <v>8378</v>
      </c>
      <c r="F716" s="10" t="s">
        <v>8379</v>
      </c>
      <c r="G716" s="10" t="s">
        <v>1358</v>
      </c>
      <c r="H716" s="10" t="s">
        <v>8380</v>
      </c>
      <c r="I716" s="11">
        <v>45778</v>
      </c>
    </row>
    <row r="717" spans="1:9" x14ac:dyDescent="0.2">
      <c r="A717" s="10">
        <v>1903</v>
      </c>
      <c r="B717" s="10" t="s">
        <v>1523</v>
      </c>
      <c r="C717" s="10" t="s">
        <v>1524</v>
      </c>
      <c r="D717" s="10" t="s">
        <v>1525</v>
      </c>
      <c r="E717" s="10" t="s">
        <v>1526</v>
      </c>
      <c r="F717" s="10" t="s">
        <v>1527</v>
      </c>
      <c r="G717" s="10" t="s">
        <v>1528</v>
      </c>
      <c r="H717" s="10" t="s">
        <v>1524</v>
      </c>
      <c r="I717" s="11">
        <v>45060</v>
      </c>
    </row>
    <row r="718" spans="1:9" x14ac:dyDescent="0.2">
      <c r="A718" s="10">
        <v>2920</v>
      </c>
      <c r="B718" s="10" t="s">
        <v>5374</v>
      </c>
      <c r="C718" s="10" t="s">
        <v>5375</v>
      </c>
      <c r="D718" s="10" t="s">
        <v>5376</v>
      </c>
      <c r="E718" s="10" t="s">
        <v>5377</v>
      </c>
      <c r="F718" s="10" t="s">
        <v>5378</v>
      </c>
      <c r="G718" s="10" t="s">
        <v>5379</v>
      </c>
      <c r="H718" s="10" t="s">
        <v>5380</v>
      </c>
      <c r="I718" s="11">
        <v>45064</v>
      </c>
    </row>
    <row r="719" spans="1:9" x14ac:dyDescent="0.2">
      <c r="A719" s="10">
        <v>3295</v>
      </c>
      <c r="B719" s="10" t="s">
        <v>7426</v>
      </c>
      <c r="C719" s="10" t="s">
        <v>7427</v>
      </c>
      <c r="D719" s="10" t="s">
        <v>7428</v>
      </c>
      <c r="E719" s="10" t="s">
        <v>7429</v>
      </c>
      <c r="F719" s="10" t="s">
        <v>7430</v>
      </c>
      <c r="G719" s="10" t="s">
        <v>7431</v>
      </c>
      <c r="H719" s="10" t="s">
        <v>7432</v>
      </c>
      <c r="I719" s="11">
        <v>45561</v>
      </c>
    </row>
    <row r="720" spans="1:9" x14ac:dyDescent="0.2">
      <c r="A720" s="10">
        <v>2770</v>
      </c>
      <c r="B720" s="10" t="s">
        <v>4534</v>
      </c>
      <c r="C720" s="10" t="s">
        <v>4535</v>
      </c>
      <c r="D720" s="10" t="s">
        <v>4536</v>
      </c>
      <c r="E720" s="10" t="s">
        <v>4537</v>
      </c>
      <c r="F720" s="10" t="s">
        <v>4538</v>
      </c>
      <c r="G720" s="10" t="s">
        <v>4539</v>
      </c>
      <c r="H720" s="10" t="s">
        <v>4540</v>
      </c>
      <c r="I720" s="11">
        <v>44788</v>
      </c>
    </row>
    <row r="721" spans="1:9" x14ac:dyDescent="0.2">
      <c r="A721" s="10">
        <v>2639</v>
      </c>
      <c r="B721" s="10" t="s">
        <v>3836</v>
      </c>
      <c r="C721" s="10" t="s">
        <v>3837</v>
      </c>
      <c r="D721" s="10" t="s">
        <v>3838</v>
      </c>
      <c r="E721" s="10" t="s">
        <v>3839</v>
      </c>
      <c r="F721" s="10" t="s">
        <v>3840</v>
      </c>
      <c r="G721" s="10" t="s">
        <v>3841</v>
      </c>
      <c r="H721" s="10" t="s">
        <v>3837</v>
      </c>
      <c r="I721" s="11">
        <v>44585</v>
      </c>
    </row>
    <row r="722" spans="1:9" x14ac:dyDescent="0.2">
      <c r="A722" s="10">
        <v>3397</v>
      </c>
      <c r="B722" s="10" t="s">
        <v>8020</v>
      </c>
      <c r="C722" s="10" t="s">
        <v>8021</v>
      </c>
      <c r="D722" s="10" t="s">
        <v>8022</v>
      </c>
      <c r="E722" s="10" t="s">
        <v>8023</v>
      </c>
      <c r="F722" s="10" t="s">
        <v>8024</v>
      </c>
      <c r="G722" s="10" t="s">
        <v>8025</v>
      </c>
      <c r="H722" s="10" t="s">
        <v>8026</v>
      </c>
      <c r="I722" s="11">
        <v>45713</v>
      </c>
    </row>
    <row r="723" spans="1:9" x14ac:dyDescent="0.2">
      <c r="A723" s="10">
        <v>2409</v>
      </c>
      <c r="B723" s="10" t="s">
        <v>2629</v>
      </c>
      <c r="C723" s="10" t="s">
        <v>2630</v>
      </c>
      <c r="D723" s="10" t="s">
        <v>2631</v>
      </c>
      <c r="E723" s="10" t="s">
        <v>2632</v>
      </c>
      <c r="F723" s="10" t="s">
        <v>2633</v>
      </c>
      <c r="G723" s="10" t="s">
        <v>2634</v>
      </c>
      <c r="H723" s="10" t="s">
        <v>2635</v>
      </c>
      <c r="I723" s="11">
        <v>44258</v>
      </c>
    </row>
    <row r="724" spans="1:9" x14ac:dyDescent="0.2">
      <c r="A724" s="10">
        <v>1139</v>
      </c>
      <c r="B724" s="10" t="s">
        <v>475</v>
      </c>
      <c r="C724" s="10" t="s">
        <v>476</v>
      </c>
      <c r="D724" s="10" t="s">
        <v>477</v>
      </c>
      <c r="E724" s="10" t="s">
        <v>478</v>
      </c>
      <c r="F724" s="10" t="s">
        <v>479</v>
      </c>
      <c r="G724" s="10" t="s">
        <v>480</v>
      </c>
      <c r="H724" s="10" t="s">
        <v>481</v>
      </c>
      <c r="I724" s="11">
        <v>44899</v>
      </c>
    </row>
    <row r="725" spans="1:9" x14ac:dyDescent="0.2">
      <c r="A725" s="10">
        <v>2402</v>
      </c>
      <c r="B725" s="10" t="s">
        <v>2594</v>
      </c>
      <c r="C725" s="10" t="s">
        <v>2595</v>
      </c>
      <c r="D725" s="10" t="s">
        <v>933</v>
      </c>
      <c r="E725" s="10" t="s">
        <v>2596</v>
      </c>
      <c r="F725" s="10" t="s">
        <v>2597</v>
      </c>
      <c r="G725" s="10" t="s">
        <v>2598</v>
      </c>
      <c r="H725" s="10" t="s">
        <v>2595</v>
      </c>
      <c r="I725" s="11">
        <v>44249</v>
      </c>
    </row>
    <row r="726" spans="1:9" x14ac:dyDescent="0.2">
      <c r="A726" s="10">
        <v>3364</v>
      </c>
      <c r="B726" s="10" t="s">
        <v>7835</v>
      </c>
      <c r="C726" s="10" t="s">
        <v>7836</v>
      </c>
      <c r="D726" s="10" t="s">
        <v>7837</v>
      </c>
      <c r="E726" s="10" t="s">
        <v>7838</v>
      </c>
      <c r="F726" s="10" t="s">
        <v>7839</v>
      </c>
      <c r="G726" s="10" t="s">
        <v>7840</v>
      </c>
      <c r="H726" s="10" t="s">
        <v>7841</v>
      </c>
      <c r="I726" s="12">
        <v>45645</v>
      </c>
    </row>
    <row r="727" spans="1:9" x14ac:dyDescent="0.2">
      <c r="A727" s="10">
        <v>1193</v>
      </c>
      <c r="B727" s="10" t="s">
        <v>519</v>
      </c>
      <c r="C727" s="10" t="s">
        <v>520</v>
      </c>
      <c r="D727" s="10" t="s">
        <v>521</v>
      </c>
      <c r="E727" s="10" t="s">
        <v>522</v>
      </c>
      <c r="F727" s="10" t="s">
        <v>523</v>
      </c>
      <c r="G727" s="10" t="s">
        <v>524</v>
      </c>
      <c r="H727" s="10" t="s">
        <v>520</v>
      </c>
      <c r="I727" s="11">
        <v>45054</v>
      </c>
    </row>
    <row r="728" spans="1:9" x14ac:dyDescent="0.2">
      <c r="A728" s="10">
        <v>3327</v>
      </c>
      <c r="B728" s="10" t="s">
        <v>7617</v>
      </c>
      <c r="C728" s="10" t="s">
        <v>7618</v>
      </c>
      <c r="D728" s="10" t="s">
        <v>7619</v>
      </c>
      <c r="E728" s="10" t="s">
        <v>7620</v>
      </c>
      <c r="F728" s="10" t="s">
        <v>7621</v>
      </c>
      <c r="G728" s="10" t="s">
        <v>7622</v>
      </c>
      <c r="H728" s="10" t="s">
        <v>7618</v>
      </c>
      <c r="I728" s="11">
        <v>45596</v>
      </c>
    </row>
    <row r="729" spans="1:9" x14ac:dyDescent="0.2">
      <c r="A729" s="10">
        <v>3378</v>
      </c>
      <c r="B729" s="10" t="s">
        <v>7914</v>
      </c>
      <c r="C729" s="10" t="s">
        <v>7915</v>
      </c>
      <c r="D729" s="10" t="s">
        <v>1655</v>
      </c>
      <c r="E729" s="10" t="s">
        <v>7916</v>
      </c>
      <c r="F729" s="10" t="s">
        <v>7917</v>
      </c>
      <c r="G729" s="10" t="s">
        <v>7918</v>
      </c>
      <c r="H729" s="10" t="s">
        <v>7919</v>
      </c>
      <c r="I729" s="11">
        <v>45666</v>
      </c>
    </row>
    <row r="730" spans="1:9" x14ac:dyDescent="0.2">
      <c r="A730" s="10">
        <v>1556</v>
      </c>
      <c r="B730" s="10" t="s">
        <v>835</v>
      </c>
      <c r="C730" s="10" t="s">
        <v>836</v>
      </c>
      <c r="D730" s="10" t="s">
        <v>336</v>
      </c>
      <c r="E730" s="10" t="s">
        <v>837</v>
      </c>
      <c r="F730" s="10" t="s">
        <v>838</v>
      </c>
      <c r="G730" s="10" t="s">
        <v>839</v>
      </c>
      <c r="H730" s="10" t="s">
        <v>836</v>
      </c>
      <c r="I730" s="11">
        <v>44297</v>
      </c>
    </row>
    <row r="731" spans="1:9" x14ac:dyDescent="0.2">
      <c r="A731" s="10">
        <v>2164</v>
      </c>
      <c r="B731" s="10" t="s">
        <v>1985</v>
      </c>
      <c r="C731" s="10" t="s">
        <v>1986</v>
      </c>
      <c r="D731" s="10" t="s">
        <v>182</v>
      </c>
      <c r="E731" s="10" t="s">
        <v>1987</v>
      </c>
      <c r="F731" s="10" t="s">
        <v>1988</v>
      </c>
      <c r="G731" s="10" t="s">
        <v>1989</v>
      </c>
      <c r="H731" s="10" t="s">
        <v>1990</v>
      </c>
      <c r="I731" s="11">
        <v>45638</v>
      </c>
    </row>
    <row r="732" spans="1:9" x14ac:dyDescent="0.2">
      <c r="A732" s="13">
        <v>3428</v>
      </c>
      <c r="B732" s="10" t="s">
        <v>8200</v>
      </c>
      <c r="C732" s="10" t="s">
        <v>8201</v>
      </c>
      <c r="D732" s="10" t="s">
        <v>8202</v>
      </c>
      <c r="E732" s="10" t="s">
        <v>8203</v>
      </c>
      <c r="F732" s="10" t="s">
        <v>8204</v>
      </c>
      <c r="G732" s="10" t="s">
        <v>8205</v>
      </c>
      <c r="H732" s="10" t="s">
        <v>8206</v>
      </c>
      <c r="I732" s="11">
        <v>45743</v>
      </c>
    </row>
    <row r="733" spans="1:9" x14ac:dyDescent="0.2">
      <c r="A733" s="10">
        <v>1634</v>
      </c>
      <c r="B733" s="10" t="s">
        <v>956</v>
      </c>
      <c r="C733" s="10" t="s">
        <v>957</v>
      </c>
      <c r="D733" s="10" t="s">
        <v>958</v>
      </c>
      <c r="E733" s="10" t="s">
        <v>959</v>
      </c>
      <c r="F733" s="10" t="s">
        <v>960</v>
      </c>
      <c r="G733" s="10" t="s">
        <v>961</v>
      </c>
      <c r="H733" s="10" t="s">
        <v>957</v>
      </c>
      <c r="I733" s="11">
        <v>44437</v>
      </c>
    </row>
    <row r="734" spans="1:9" x14ac:dyDescent="0.2">
      <c r="A734" s="10">
        <v>2223</v>
      </c>
      <c r="B734" s="10" t="s">
        <v>2091</v>
      </c>
      <c r="C734" s="10" t="s">
        <v>2092</v>
      </c>
      <c r="D734" s="10" t="s">
        <v>2093</v>
      </c>
      <c r="E734" s="10" t="s">
        <v>2094</v>
      </c>
      <c r="F734" s="10" t="s">
        <v>2095</v>
      </c>
      <c r="G734" s="10" t="s">
        <v>2096</v>
      </c>
      <c r="H734" s="10" t="s">
        <v>2097</v>
      </c>
      <c r="I734" s="11">
        <v>45770</v>
      </c>
    </row>
    <row r="735" spans="1:9" x14ac:dyDescent="0.2">
      <c r="A735" s="10">
        <v>2537</v>
      </c>
      <c r="B735" s="10" t="s">
        <v>3276</v>
      </c>
      <c r="C735" s="10" t="s">
        <v>3277</v>
      </c>
      <c r="D735" s="10" t="s">
        <v>3278</v>
      </c>
      <c r="E735" s="10" t="s">
        <v>3279</v>
      </c>
      <c r="F735" s="10" t="s">
        <v>3280</v>
      </c>
      <c r="G735" s="10" t="s">
        <v>3281</v>
      </c>
      <c r="H735" s="10" t="s">
        <v>3277</v>
      </c>
      <c r="I735" s="11">
        <v>44378</v>
      </c>
    </row>
    <row r="736" spans="1:9" x14ac:dyDescent="0.2">
      <c r="A736" s="13">
        <v>3523</v>
      </c>
      <c r="B736" s="10" t="s">
        <v>8732</v>
      </c>
      <c r="C736" s="10" t="s">
        <v>8733</v>
      </c>
      <c r="D736" s="10" t="s">
        <v>8734</v>
      </c>
      <c r="E736" s="10" t="s">
        <v>8735</v>
      </c>
      <c r="F736" s="10" t="s">
        <v>8736</v>
      </c>
      <c r="G736" s="10" t="s">
        <v>8737</v>
      </c>
      <c r="H736" s="10" t="s">
        <v>8738</v>
      </c>
      <c r="I736" s="11">
        <v>45855</v>
      </c>
    </row>
    <row r="737" spans="1:9" x14ac:dyDescent="0.2">
      <c r="A737" s="10">
        <v>2877</v>
      </c>
      <c r="B737" s="10" t="s">
        <v>5133</v>
      </c>
      <c r="C737" s="10" t="s">
        <v>5134</v>
      </c>
      <c r="D737" s="10" t="s">
        <v>5135</v>
      </c>
      <c r="E737" s="10" t="s">
        <v>5136</v>
      </c>
      <c r="F737" s="10" t="s">
        <v>5137</v>
      </c>
      <c r="G737" s="10" t="s">
        <v>5138</v>
      </c>
      <c r="H737" s="10" t="s">
        <v>5134</v>
      </c>
      <c r="I737" s="11">
        <v>44994</v>
      </c>
    </row>
    <row r="738" spans="1:9" x14ac:dyDescent="0.2">
      <c r="A738" s="10">
        <v>1501</v>
      </c>
      <c r="B738" s="10" t="s">
        <v>744</v>
      </c>
      <c r="C738" s="10" t="s">
        <v>745</v>
      </c>
      <c r="D738" s="10" t="s">
        <v>746</v>
      </c>
      <c r="E738" s="10" t="s">
        <v>747</v>
      </c>
      <c r="F738" s="10" t="s">
        <v>748</v>
      </c>
      <c r="G738" s="10" t="s">
        <v>749</v>
      </c>
      <c r="H738" s="10" t="s">
        <v>745</v>
      </c>
      <c r="I738" s="11">
        <v>45998</v>
      </c>
    </row>
    <row r="739" spans="1:9" x14ac:dyDescent="0.2">
      <c r="A739" s="10">
        <v>3056</v>
      </c>
      <c r="B739" s="10" t="s">
        <v>6122</v>
      </c>
      <c r="C739" s="10" t="s">
        <v>6123</v>
      </c>
      <c r="D739" s="10" t="s">
        <v>6124</v>
      </c>
      <c r="E739" s="10" t="s">
        <v>6125</v>
      </c>
      <c r="F739" s="10" t="s">
        <v>6126</v>
      </c>
      <c r="G739" s="10" t="s">
        <v>6127</v>
      </c>
      <c r="H739" s="10" t="s">
        <v>6128</v>
      </c>
      <c r="I739" s="11">
        <v>45257</v>
      </c>
    </row>
    <row r="740" spans="1:9" x14ac:dyDescent="0.2">
      <c r="A740" s="10">
        <v>3039</v>
      </c>
      <c r="B740" s="10" t="s">
        <v>6039</v>
      </c>
      <c r="C740" s="10" t="s">
        <v>6040</v>
      </c>
      <c r="D740" s="10" t="s">
        <v>6041</v>
      </c>
      <c r="E740" s="10" t="s">
        <v>6042</v>
      </c>
      <c r="F740" s="10" t="s">
        <v>6043</v>
      </c>
      <c r="G740" s="10" t="s">
        <v>6044</v>
      </c>
      <c r="H740" s="10" t="s">
        <v>6045</v>
      </c>
      <c r="I740" s="11">
        <v>45232</v>
      </c>
    </row>
    <row r="741" spans="1:9" x14ac:dyDescent="0.2">
      <c r="A741" s="10">
        <v>1863</v>
      </c>
      <c r="B741" s="10" t="s">
        <v>1407</v>
      </c>
      <c r="C741" s="10" t="s">
        <v>35</v>
      </c>
      <c r="D741" s="10" t="s">
        <v>1408</v>
      </c>
      <c r="E741" s="10" t="s">
        <v>1409</v>
      </c>
      <c r="F741" s="10" t="s">
        <v>1410</v>
      </c>
      <c r="G741" s="10" t="s">
        <v>1411</v>
      </c>
      <c r="H741" s="10" t="s">
        <v>1412</v>
      </c>
      <c r="I741" s="11">
        <v>44990</v>
      </c>
    </row>
    <row r="742" spans="1:9" x14ac:dyDescent="0.2">
      <c r="A742" s="13">
        <v>3484</v>
      </c>
      <c r="B742" s="10" t="s">
        <v>8512</v>
      </c>
      <c r="C742" s="10" t="s">
        <v>8513</v>
      </c>
      <c r="D742" s="10" t="s">
        <v>4298</v>
      </c>
      <c r="E742" s="10" t="s">
        <v>8514</v>
      </c>
      <c r="F742" s="10" t="s">
        <v>8515</v>
      </c>
      <c r="G742" s="10" t="s">
        <v>8516</v>
      </c>
      <c r="H742" s="10" t="s">
        <v>8513</v>
      </c>
      <c r="I742" s="11">
        <v>45820</v>
      </c>
    </row>
    <row r="743" spans="1:9" x14ac:dyDescent="0.2">
      <c r="A743" s="14">
        <v>3545</v>
      </c>
      <c r="B743" s="15" t="s">
        <v>8853</v>
      </c>
      <c r="C743" s="10" t="s">
        <v>8854</v>
      </c>
      <c r="D743" s="15" t="s">
        <v>8855</v>
      </c>
      <c r="E743" s="10" t="s">
        <v>8856</v>
      </c>
      <c r="F743" s="10" t="s">
        <v>8857</v>
      </c>
      <c r="G743" s="10" t="s">
        <v>8858</v>
      </c>
      <c r="H743" s="10" t="s">
        <v>8854</v>
      </c>
      <c r="I743" s="11">
        <v>45908</v>
      </c>
    </row>
    <row r="744" spans="1:9" x14ac:dyDescent="0.2">
      <c r="A744" s="10">
        <v>1765</v>
      </c>
      <c r="B744" s="10" t="s">
        <v>1224</v>
      </c>
      <c r="C744" s="10" t="s">
        <v>1225</v>
      </c>
      <c r="D744" s="10" t="s">
        <v>1226</v>
      </c>
      <c r="E744" s="10" t="s">
        <v>1227</v>
      </c>
      <c r="F744" s="10" t="s">
        <v>1228</v>
      </c>
      <c r="G744" s="10" t="s">
        <v>1229</v>
      </c>
      <c r="H744" s="10" t="s">
        <v>1230</v>
      </c>
      <c r="I744" s="11">
        <v>44752</v>
      </c>
    </row>
    <row r="745" spans="1:9" x14ac:dyDescent="0.2">
      <c r="A745" s="10">
        <v>2948</v>
      </c>
      <c r="B745" s="10" t="s">
        <v>5523</v>
      </c>
      <c r="C745" s="10" t="s">
        <v>5524</v>
      </c>
      <c r="D745" s="10" t="s">
        <v>5525</v>
      </c>
      <c r="E745" s="10" t="s">
        <v>5526</v>
      </c>
      <c r="F745" s="10" t="s">
        <v>5527</v>
      </c>
      <c r="G745" s="10" t="s">
        <v>5528</v>
      </c>
      <c r="H745" s="10" t="s">
        <v>5529</v>
      </c>
      <c r="I745" s="11">
        <v>45092</v>
      </c>
    </row>
    <row r="746" spans="1:9" x14ac:dyDescent="0.2">
      <c r="A746" s="10">
        <v>2612</v>
      </c>
      <c r="B746" s="10" t="s">
        <v>3685</v>
      </c>
      <c r="C746" s="10" t="s">
        <v>3686</v>
      </c>
      <c r="D746" s="10" t="s">
        <v>3687</v>
      </c>
      <c r="E746" s="10" t="s">
        <v>3688</v>
      </c>
      <c r="F746" s="10" t="s">
        <v>3689</v>
      </c>
      <c r="G746" s="10" t="s">
        <v>3690</v>
      </c>
      <c r="H746" s="10" t="s">
        <v>3686</v>
      </c>
      <c r="I746" s="11">
        <v>44553</v>
      </c>
    </row>
    <row r="747" spans="1:9" x14ac:dyDescent="0.2">
      <c r="A747" s="13">
        <v>3442</v>
      </c>
      <c r="B747" s="10" t="s">
        <v>8277</v>
      </c>
      <c r="C747" s="10" t="s">
        <v>8278</v>
      </c>
      <c r="D747" s="10" t="s">
        <v>336</v>
      </c>
      <c r="E747" s="10" t="s">
        <v>8279</v>
      </c>
      <c r="F747" s="10" t="s">
        <v>8280</v>
      </c>
      <c r="G747" s="10" t="s">
        <v>8281</v>
      </c>
      <c r="H747" s="10" t="s">
        <v>8282</v>
      </c>
      <c r="I747" s="11">
        <v>45757</v>
      </c>
    </row>
    <row r="748" spans="1:9" x14ac:dyDescent="0.2">
      <c r="A748" s="13">
        <v>3434</v>
      </c>
      <c r="B748" s="10" t="s">
        <v>8238</v>
      </c>
      <c r="C748" s="10" t="s">
        <v>8239</v>
      </c>
      <c r="D748" s="10" t="s">
        <v>8240</v>
      </c>
      <c r="E748" s="10" t="s">
        <v>8241</v>
      </c>
      <c r="F748" s="10" t="s">
        <v>8242</v>
      </c>
      <c r="G748" s="10" t="s">
        <v>8243</v>
      </c>
      <c r="H748" s="10" t="s">
        <v>8239</v>
      </c>
      <c r="I748" s="11">
        <v>45747</v>
      </c>
    </row>
    <row r="749" spans="1:9" x14ac:dyDescent="0.2">
      <c r="A749" s="13">
        <v>3488</v>
      </c>
      <c r="B749" s="10" t="s">
        <v>8533</v>
      </c>
      <c r="C749" s="10" t="s">
        <v>8534</v>
      </c>
      <c r="D749" s="10" t="s">
        <v>7324</v>
      </c>
      <c r="E749" s="10" t="s">
        <v>8535</v>
      </c>
      <c r="F749" s="10" t="s">
        <v>8536</v>
      </c>
      <c r="G749" s="10" t="s">
        <v>8537</v>
      </c>
      <c r="H749" s="10" t="s">
        <v>8534</v>
      </c>
      <c r="I749" s="11">
        <v>45827</v>
      </c>
    </row>
    <row r="750" spans="1:9" x14ac:dyDescent="0.2">
      <c r="A750" s="10">
        <v>2751</v>
      </c>
      <c r="B750" s="10" t="s">
        <v>4425</v>
      </c>
      <c r="C750" s="10" t="s">
        <v>4426</v>
      </c>
      <c r="D750" s="10" t="s">
        <v>4427</v>
      </c>
      <c r="E750" s="10" t="s">
        <v>4428</v>
      </c>
      <c r="F750" s="10" t="s">
        <v>4429</v>
      </c>
      <c r="G750" s="10" t="s">
        <v>4430</v>
      </c>
      <c r="H750" s="10" t="s">
        <v>4431</v>
      </c>
      <c r="I750" s="11">
        <v>44761</v>
      </c>
    </row>
    <row r="751" spans="1:9" x14ac:dyDescent="0.2">
      <c r="A751" s="10">
        <v>2393</v>
      </c>
      <c r="B751" s="10" t="s">
        <v>2539</v>
      </c>
      <c r="C751" s="10" t="s">
        <v>2540</v>
      </c>
      <c r="D751" s="10" t="s">
        <v>2541</v>
      </c>
      <c r="E751" s="10" t="s">
        <v>2542</v>
      </c>
      <c r="F751" s="10" t="s">
        <v>2543</v>
      </c>
      <c r="G751" s="10" t="s">
        <v>2544</v>
      </c>
      <c r="H751" s="10" t="s">
        <v>2545</v>
      </c>
      <c r="I751" s="11">
        <v>46050</v>
      </c>
    </row>
    <row r="752" spans="1:9" x14ac:dyDescent="0.2">
      <c r="A752" s="10">
        <v>541</v>
      </c>
      <c r="B752" s="10" t="s">
        <v>199</v>
      </c>
      <c r="C752" s="10" t="s">
        <v>200</v>
      </c>
      <c r="D752" s="10" t="s">
        <v>201</v>
      </c>
      <c r="E752" s="10" t="s">
        <v>202</v>
      </c>
      <c r="F752" s="10" t="s">
        <v>203</v>
      </c>
      <c r="G752" s="10" t="s">
        <v>204</v>
      </c>
      <c r="H752" s="10" t="s">
        <v>200</v>
      </c>
      <c r="I752" s="11">
        <v>44235</v>
      </c>
    </row>
    <row r="753" spans="1:9" x14ac:dyDescent="0.2">
      <c r="A753" s="10">
        <v>2913</v>
      </c>
      <c r="B753" s="10" t="s">
        <v>5336</v>
      </c>
      <c r="C753" s="10" t="s">
        <v>5337</v>
      </c>
      <c r="D753" s="10" t="s">
        <v>1833</v>
      </c>
      <c r="E753" s="10" t="s">
        <v>5338</v>
      </c>
      <c r="F753" s="10" t="s">
        <v>5339</v>
      </c>
      <c r="G753" s="10" t="s">
        <v>5340</v>
      </c>
      <c r="H753" s="10" t="s">
        <v>5341</v>
      </c>
      <c r="I753" s="11">
        <v>45047</v>
      </c>
    </row>
    <row r="754" spans="1:9" x14ac:dyDescent="0.2">
      <c r="A754" s="14">
        <v>3585</v>
      </c>
      <c r="B754" s="15" t="s">
        <v>9080</v>
      </c>
      <c r="C754" s="10" t="s">
        <v>9081</v>
      </c>
      <c r="D754" s="15" t="s">
        <v>9082</v>
      </c>
      <c r="E754" s="10" t="s">
        <v>9083</v>
      </c>
      <c r="F754" s="10" t="s">
        <v>9084</v>
      </c>
      <c r="G754" s="10" t="s">
        <v>5340</v>
      </c>
      <c r="H754" s="10" t="s">
        <v>9081</v>
      </c>
      <c r="I754" s="11">
        <v>45971</v>
      </c>
    </row>
    <row r="755" spans="1:9" x14ac:dyDescent="0.2">
      <c r="A755" s="10">
        <v>1656</v>
      </c>
      <c r="B755" s="10" t="s">
        <v>1020</v>
      </c>
      <c r="C755" s="10" t="s">
        <v>1021</v>
      </c>
      <c r="D755" s="10" t="s">
        <v>1022</v>
      </c>
      <c r="E755" s="10" t="s">
        <v>1023</v>
      </c>
      <c r="F755" s="10" t="s">
        <v>1024</v>
      </c>
      <c r="G755" s="10" t="s">
        <v>1025</v>
      </c>
      <c r="H755" s="10" t="s">
        <v>1021</v>
      </c>
      <c r="I755" s="11">
        <v>44495</v>
      </c>
    </row>
    <row r="756" spans="1:9" x14ac:dyDescent="0.2">
      <c r="A756" s="10">
        <v>2564</v>
      </c>
      <c r="B756" s="10" t="s">
        <v>3427</v>
      </c>
      <c r="C756" s="10" t="s">
        <v>3428</v>
      </c>
      <c r="D756" s="10" t="s">
        <v>3429</v>
      </c>
      <c r="E756" s="10" t="s">
        <v>3430</v>
      </c>
      <c r="F756" s="10" t="s">
        <v>3431</v>
      </c>
      <c r="G756" s="10" t="s">
        <v>3432</v>
      </c>
      <c r="H756" s="10" t="s">
        <v>3433</v>
      </c>
      <c r="I756" s="11">
        <v>44460</v>
      </c>
    </row>
    <row r="757" spans="1:9" x14ac:dyDescent="0.2">
      <c r="A757" s="10">
        <v>3193</v>
      </c>
      <c r="B757" s="10" t="s">
        <v>6866</v>
      </c>
      <c r="C757" s="10" t="s">
        <v>6867</v>
      </c>
      <c r="D757" s="10" t="s">
        <v>6868</v>
      </c>
      <c r="E757" s="10" t="s">
        <v>6869</v>
      </c>
      <c r="F757" s="10" t="s">
        <v>6870</v>
      </c>
      <c r="G757" s="10" t="s">
        <v>3432</v>
      </c>
      <c r="H757" s="10" t="s">
        <v>6867</v>
      </c>
      <c r="I757" s="11">
        <v>45412</v>
      </c>
    </row>
    <row r="758" spans="1:9" x14ac:dyDescent="0.2">
      <c r="A758" s="13">
        <v>3474</v>
      </c>
      <c r="B758" s="10" t="s">
        <v>8452</v>
      </c>
      <c r="C758" s="10" t="s">
        <v>8453</v>
      </c>
      <c r="D758" s="10" t="s">
        <v>8454</v>
      </c>
      <c r="E758" s="10" t="s">
        <v>8455</v>
      </c>
      <c r="F758" s="10" t="s">
        <v>8456</v>
      </c>
      <c r="G758" s="10" t="s">
        <v>8457</v>
      </c>
      <c r="H758" s="10" t="s">
        <v>8458</v>
      </c>
      <c r="I758" s="11">
        <v>45813</v>
      </c>
    </row>
    <row r="759" spans="1:9" x14ac:dyDescent="0.2">
      <c r="A759" s="10">
        <v>3289</v>
      </c>
      <c r="B759" s="10" t="s">
        <v>7394</v>
      </c>
      <c r="C759" s="10" t="s">
        <v>7395</v>
      </c>
      <c r="D759" s="10" t="s">
        <v>7396</v>
      </c>
      <c r="E759" s="10" t="s">
        <v>7397</v>
      </c>
      <c r="F759" s="10" t="s">
        <v>7398</v>
      </c>
      <c r="G759" s="10" t="s">
        <v>7399</v>
      </c>
      <c r="H759" s="10" t="s">
        <v>7395</v>
      </c>
      <c r="I759" s="11">
        <v>45568</v>
      </c>
    </row>
    <row r="760" spans="1:9" x14ac:dyDescent="0.2">
      <c r="A760" s="10">
        <v>2579</v>
      </c>
      <c r="B760" s="10" t="s">
        <v>3506</v>
      </c>
      <c r="C760" s="10" t="s">
        <v>3507</v>
      </c>
      <c r="D760" s="10" t="s">
        <v>3508</v>
      </c>
      <c r="E760" s="10" t="s">
        <v>3509</v>
      </c>
      <c r="F760" s="10" t="s">
        <v>3510</v>
      </c>
      <c r="G760" s="10" t="s">
        <v>3511</v>
      </c>
      <c r="H760" s="10" t="s">
        <v>3512</v>
      </c>
      <c r="I760" s="11">
        <v>44529</v>
      </c>
    </row>
    <row r="761" spans="1:9" x14ac:dyDescent="0.2">
      <c r="A761" s="10">
        <v>3009</v>
      </c>
      <c r="B761" s="10" t="s">
        <v>5873</v>
      </c>
      <c r="C761" s="10" t="s">
        <v>5874</v>
      </c>
      <c r="D761" s="10" t="s">
        <v>4742</v>
      </c>
      <c r="E761" s="10" t="s">
        <v>5875</v>
      </c>
      <c r="F761" s="10" t="s">
        <v>5876</v>
      </c>
      <c r="G761" s="10" t="s">
        <v>5877</v>
      </c>
      <c r="H761" s="10" t="s">
        <v>5878</v>
      </c>
      <c r="I761" s="11">
        <v>45188</v>
      </c>
    </row>
    <row r="762" spans="1:9" x14ac:dyDescent="0.2">
      <c r="A762" s="10">
        <v>3292</v>
      </c>
      <c r="B762" s="10" t="s">
        <v>7412</v>
      </c>
      <c r="C762" s="10" t="s">
        <v>7413</v>
      </c>
      <c r="D762" s="10" t="s">
        <v>7414</v>
      </c>
      <c r="E762" s="10" t="s">
        <v>7415</v>
      </c>
      <c r="F762" s="10" t="s">
        <v>7416</v>
      </c>
      <c r="G762" s="10" t="s">
        <v>7417</v>
      </c>
      <c r="H762" s="10" t="s">
        <v>7418</v>
      </c>
      <c r="I762" s="11">
        <v>45561</v>
      </c>
    </row>
    <row r="763" spans="1:9" x14ac:dyDescent="0.2">
      <c r="A763" s="10">
        <v>3119</v>
      </c>
      <c r="B763" s="10" t="s">
        <v>6491</v>
      </c>
      <c r="C763" s="10" t="s">
        <v>6492</v>
      </c>
      <c r="D763" s="10" t="s">
        <v>336</v>
      </c>
      <c r="E763" s="10" t="s">
        <v>6493</v>
      </c>
      <c r="F763" s="10" t="s">
        <v>6494</v>
      </c>
      <c r="G763" s="10" t="s">
        <v>6495</v>
      </c>
      <c r="H763" s="10" t="s">
        <v>6492</v>
      </c>
      <c r="I763" s="11">
        <v>45323</v>
      </c>
    </row>
    <row r="764" spans="1:9" x14ac:dyDescent="0.2">
      <c r="A764" s="10">
        <v>2461</v>
      </c>
      <c r="B764" s="10" t="s">
        <v>2890</v>
      </c>
      <c r="C764" s="10" t="s">
        <v>2891</v>
      </c>
      <c r="D764" s="10" t="s">
        <v>2892</v>
      </c>
      <c r="E764" s="10" t="s">
        <v>2893</v>
      </c>
      <c r="F764" s="10" t="s">
        <v>2894</v>
      </c>
      <c r="G764" s="10" t="s">
        <v>2895</v>
      </c>
      <c r="H764" s="10" t="s">
        <v>2891</v>
      </c>
      <c r="I764" s="11">
        <v>44305</v>
      </c>
    </row>
    <row r="765" spans="1:9" x14ac:dyDescent="0.2">
      <c r="A765" s="10">
        <v>2870</v>
      </c>
      <c r="B765" s="10" t="s">
        <v>5090</v>
      </c>
      <c r="C765" s="10" t="s">
        <v>5091</v>
      </c>
      <c r="D765" s="10" t="s">
        <v>5092</v>
      </c>
      <c r="E765" s="10" t="s">
        <v>5093</v>
      </c>
      <c r="F765" s="10" t="s">
        <v>5094</v>
      </c>
      <c r="G765" s="10" t="s">
        <v>5095</v>
      </c>
      <c r="H765" s="10" t="s">
        <v>5096</v>
      </c>
      <c r="I765" s="11">
        <v>44984</v>
      </c>
    </row>
    <row r="766" spans="1:9" x14ac:dyDescent="0.2">
      <c r="A766" s="10">
        <v>2250</v>
      </c>
      <c r="B766" s="10" t="s">
        <v>2147</v>
      </c>
      <c r="C766" s="10" t="s">
        <v>35</v>
      </c>
      <c r="D766" s="10" t="s">
        <v>2148</v>
      </c>
      <c r="E766" s="10" t="s">
        <v>2149</v>
      </c>
      <c r="F766" s="10" t="s">
        <v>2150</v>
      </c>
      <c r="G766" s="10" t="s">
        <v>2151</v>
      </c>
      <c r="H766" s="10" t="s">
        <v>2152</v>
      </c>
      <c r="I766" s="11">
        <v>45805</v>
      </c>
    </row>
    <row r="767" spans="1:9" x14ac:dyDescent="0.2">
      <c r="A767" s="10">
        <v>2873</v>
      </c>
      <c r="B767" s="10" t="s">
        <v>5109</v>
      </c>
      <c r="C767" s="10" t="s">
        <v>5110</v>
      </c>
      <c r="D767" s="10" t="s">
        <v>5111</v>
      </c>
      <c r="E767" s="10" t="s">
        <v>5112</v>
      </c>
      <c r="F767" s="10" t="s">
        <v>5113</v>
      </c>
      <c r="G767" s="10" t="s">
        <v>5114</v>
      </c>
      <c r="H767" s="10" t="s">
        <v>5115</v>
      </c>
      <c r="I767" s="11">
        <v>44987</v>
      </c>
    </row>
    <row r="768" spans="1:9" x14ac:dyDescent="0.2">
      <c r="A768" s="13">
        <v>3435</v>
      </c>
      <c r="B768" s="10" t="s">
        <v>8244</v>
      </c>
      <c r="C768" s="10" t="s">
        <v>8245</v>
      </c>
      <c r="D768" s="10" t="s">
        <v>6054</v>
      </c>
      <c r="E768" s="10" t="s">
        <v>8246</v>
      </c>
      <c r="F768" s="10" t="s">
        <v>8247</v>
      </c>
      <c r="G768" s="10" t="s">
        <v>8248</v>
      </c>
      <c r="H768" s="10" t="s">
        <v>8245</v>
      </c>
      <c r="I768" s="11">
        <v>45754</v>
      </c>
    </row>
    <row r="769" spans="1:9" x14ac:dyDescent="0.2">
      <c r="A769" s="10">
        <v>2626</v>
      </c>
      <c r="B769" s="10" t="s">
        <v>3761</v>
      </c>
      <c r="C769" s="10" t="s">
        <v>3762</v>
      </c>
      <c r="D769" s="10" t="s">
        <v>3763</v>
      </c>
      <c r="E769" s="10" t="s">
        <v>3764</v>
      </c>
      <c r="F769" s="10" t="s">
        <v>3765</v>
      </c>
      <c r="G769" s="10" t="s">
        <v>3766</v>
      </c>
      <c r="H769" s="10" t="s">
        <v>3762</v>
      </c>
      <c r="I769" s="11">
        <v>44588</v>
      </c>
    </row>
    <row r="770" spans="1:9" x14ac:dyDescent="0.2">
      <c r="A770" s="14">
        <v>3553</v>
      </c>
      <c r="B770" s="15" t="s">
        <v>8898</v>
      </c>
      <c r="C770" s="10" t="s">
        <v>8899</v>
      </c>
      <c r="D770" s="15" t="s">
        <v>8900</v>
      </c>
      <c r="E770" s="10" t="s">
        <v>8901</v>
      </c>
      <c r="F770" s="10" t="s">
        <v>8902</v>
      </c>
      <c r="G770" s="10" t="s">
        <v>8903</v>
      </c>
      <c r="H770" s="10" t="s">
        <v>8904</v>
      </c>
      <c r="I770" s="11">
        <v>45911</v>
      </c>
    </row>
    <row r="771" spans="1:9" x14ac:dyDescent="0.2">
      <c r="A771" s="10">
        <v>2273</v>
      </c>
      <c r="B771" s="10" t="s">
        <v>2202</v>
      </c>
      <c r="C771" s="10" t="s">
        <v>2203</v>
      </c>
      <c r="D771" s="10" t="s">
        <v>2204</v>
      </c>
      <c r="E771" s="10" t="s">
        <v>2205</v>
      </c>
      <c r="F771" s="10" t="s">
        <v>2206</v>
      </c>
      <c r="G771" s="10" t="s">
        <v>2207</v>
      </c>
      <c r="H771" s="10" t="s">
        <v>2208</v>
      </c>
      <c r="I771" s="11">
        <v>45854</v>
      </c>
    </row>
    <row r="772" spans="1:9" x14ac:dyDescent="0.2">
      <c r="A772" s="10">
        <v>2435</v>
      </c>
      <c r="B772" s="10" t="s">
        <v>2765</v>
      </c>
      <c r="C772" s="10" t="s">
        <v>2766</v>
      </c>
      <c r="D772" s="10" t="s">
        <v>2767</v>
      </c>
      <c r="E772" s="10" t="s">
        <v>2768</v>
      </c>
      <c r="F772" s="10" t="s">
        <v>2769</v>
      </c>
      <c r="G772" s="10" t="s">
        <v>2770</v>
      </c>
      <c r="H772" s="10" t="s">
        <v>2766</v>
      </c>
      <c r="I772" s="11">
        <v>44280</v>
      </c>
    </row>
    <row r="773" spans="1:9" x14ac:dyDescent="0.2">
      <c r="A773" s="10">
        <v>3316</v>
      </c>
      <c r="B773" s="10" t="s">
        <v>7550</v>
      </c>
      <c r="C773" s="10" t="s">
        <v>7551</v>
      </c>
      <c r="D773" s="10" t="s">
        <v>7552</v>
      </c>
      <c r="E773" s="10" t="s">
        <v>7553</v>
      </c>
      <c r="F773" s="10" t="s">
        <v>7554</v>
      </c>
      <c r="G773" s="10" t="s">
        <v>7555</v>
      </c>
      <c r="H773" s="10" t="s">
        <v>7556</v>
      </c>
      <c r="I773" s="11">
        <v>45589</v>
      </c>
    </row>
    <row r="774" spans="1:9" x14ac:dyDescent="0.2">
      <c r="A774" s="10">
        <v>1061</v>
      </c>
      <c r="B774" s="10" t="s">
        <v>407</v>
      </c>
      <c r="C774" s="10" t="s">
        <v>35</v>
      </c>
      <c r="D774" s="10" t="s">
        <v>408</v>
      </c>
      <c r="E774" s="10" t="s">
        <v>409</v>
      </c>
      <c r="F774" s="10" t="s">
        <v>410</v>
      </c>
      <c r="G774" s="10" t="s">
        <v>411</v>
      </c>
      <c r="H774" s="10" t="s">
        <v>412</v>
      </c>
      <c r="I774" s="11">
        <v>44606</v>
      </c>
    </row>
    <row r="775" spans="1:9" x14ac:dyDescent="0.2">
      <c r="A775" s="10">
        <v>2756</v>
      </c>
      <c r="B775" s="10" t="s">
        <v>4457</v>
      </c>
      <c r="C775" s="10" t="s">
        <v>4458</v>
      </c>
      <c r="D775" s="10" t="s">
        <v>4459</v>
      </c>
      <c r="E775" s="10" t="s">
        <v>4460</v>
      </c>
      <c r="F775" s="10" t="s">
        <v>4461</v>
      </c>
      <c r="G775" s="10" t="s">
        <v>4462</v>
      </c>
      <c r="H775" s="10" t="s">
        <v>4458</v>
      </c>
      <c r="I775" s="11">
        <v>44774</v>
      </c>
    </row>
    <row r="776" spans="1:9" x14ac:dyDescent="0.2">
      <c r="A776" s="10">
        <v>2365</v>
      </c>
      <c r="B776" s="10" t="s">
        <v>2400</v>
      </c>
      <c r="C776" s="10" t="s">
        <v>2401</v>
      </c>
      <c r="D776" s="10" t="s">
        <v>2402</v>
      </c>
      <c r="E776" s="10" t="s">
        <v>2403</v>
      </c>
      <c r="F776" s="10" t="s">
        <v>2404</v>
      </c>
      <c r="G776" s="10" t="s">
        <v>2405</v>
      </c>
      <c r="H776" s="10" t="s">
        <v>2401</v>
      </c>
      <c r="I776" s="11">
        <v>44203</v>
      </c>
    </row>
    <row r="777" spans="1:9" x14ac:dyDescent="0.2">
      <c r="A777" s="10">
        <v>2175</v>
      </c>
      <c r="B777" s="10" t="s">
        <v>2005</v>
      </c>
      <c r="C777" s="10" t="s">
        <v>2006</v>
      </c>
      <c r="D777" s="10" t="s">
        <v>2007</v>
      </c>
      <c r="E777" s="10" t="s">
        <v>2008</v>
      </c>
      <c r="F777" s="10" t="s">
        <v>2009</v>
      </c>
      <c r="G777" s="10" t="s">
        <v>2010</v>
      </c>
      <c r="H777" s="10" t="s">
        <v>2006</v>
      </c>
      <c r="I777" s="11">
        <v>45663</v>
      </c>
    </row>
    <row r="778" spans="1:9" x14ac:dyDescent="0.2">
      <c r="A778" s="10">
        <v>1308</v>
      </c>
      <c r="B778" s="10" t="s">
        <v>614</v>
      </c>
      <c r="C778" s="10" t="s">
        <v>615</v>
      </c>
      <c r="D778" s="10" t="s">
        <v>616</v>
      </c>
      <c r="E778" s="10" t="s">
        <v>617</v>
      </c>
      <c r="F778" s="10" t="s">
        <v>618</v>
      </c>
      <c r="G778" s="10" t="s">
        <v>619</v>
      </c>
      <c r="H778" s="10" t="s">
        <v>615</v>
      </c>
      <c r="I778" s="11">
        <v>45462</v>
      </c>
    </row>
    <row r="779" spans="1:9" x14ac:dyDescent="0.2">
      <c r="A779" s="10">
        <v>3269</v>
      </c>
      <c r="B779" s="10" t="s">
        <v>7285</v>
      </c>
      <c r="C779" s="10" t="s">
        <v>35</v>
      </c>
      <c r="D779" s="10" t="s">
        <v>4298</v>
      </c>
      <c r="E779" s="10" t="s">
        <v>7286</v>
      </c>
      <c r="F779" s="10" t="s">
        <v>7287</v>
      </c>
      <c r="G779" s="10" t="s">
        <v>7288</v>
      </c>
      <c r="H779" s="10" t="s">
        <v>7289</v>
      </c>
      <c r="I779" s="11">
        <v>45517</v>
      </c>
    </row>
    <row r="780" spans="1:9" x14ac:dyDescent="0.2">
      <c r="A780" s="14">
        <v>3617</v>
      </c>
      <c r="B780" s="15" t="s">
        <v>9260</v>
      </c>
      <c r="C780" s="10" t="s">
        <v>9261</v>
      </c>
      <c r="D780" s="15" t="s">
        <v>9262</v>
      </c>
      <c r="E780" s="10" t="s">
        <v>9263</v>
      </c>
      <c r="F780" s="10" t="s">
        <v>9264</v>
      </c>
      <c r="G780" s="10" t="s">
        <v>9265</v>
      </c>
      <c r="H780" s="10" t="s">
        <v>9261</v>
      </c>
      <c r="I780" s="11">
        <v>45995</v>
      </c>
    </row>
    <row r="781" spans="1:9" x14ac:dyDescent="0.2">
      <c r="A781" s="10">
        <v>2947</v>
      </c>
      <c r="B781" s="10" t="s">
        <v>5517</v>
      </c>
      <c r="C781" s="10" t="s">
        <v>5518</v>
      </c>
      <c r="D781" s="10" t="s">
        <v>3298</v>
      </c>
      <c r="E781" s="10" t="s">
        <v>5519</v>
      </c>
      <c r="F781" s="10" t="s">
        <v>5520</v>
      </c>
      <c r="G781" s="10" t="s">
        <v>5521</v>
      </c>
      <c r="H781" s="10" t="s">
        <v>5522</v>
      </c>
      <c r="I781" s="11">
        <v>45092</v>
      </c>
    </row>
    <row r="782" spans="1:9" x14ac:dyDescent="0.2">
      <c r="A782" s="10">
        <v>2377</v>
      </c>
      <c r="B782" s="10" t="s">
        <v>2455</v>
      </c>
      <c r="C782" s="10" t="s">
        <v>2456</v>
      </c>
      <c r="D782" s="10" t="s">
        <v>2457</v>
      </c>
      <c r="E782" s="10" t="s">
        <v>2458</v>
      </c>
      <c r="F782" s="10" t="s">
        <v>2459</v>
      </c>
      <c r="G782" s="10" t="s">
        <v>2460</v>
      </c>
      <c r="H782" s="10" t="s">
        <v>2456</v>
      </c>
      <c r="I782" s="11">
        <v>44224</v>
      </c>
    </row>
    <row r="783" spans="1:9" x14ac:dyDescent="0.2">
      <c r="A783" s="10">
        <v>2774</v>
      </c>
      <c r="B783" s="10" t="s">
        <v>4561</v>
      </c>
      <c r="C783" s="10" t="s">
        <v>4562</v>
      </c>
      <c r="D783" s="10" t="s">
        <v>4563</v>
      </c>
      <c r="E783" s="10" t="s">
        <v>4564</v>
      </c>
      <c r="F783" s="10" t="s">
        <v>4565</v>
      </c>
      <c r="G783" s="10" t="s">
        <v>2460</v>
      </c>
      <c r="H783" s="10" t="s">
        <v>4566</v>
      </c>
      <c r="I783" s="11">
        <v>44833</v>
      </c>
    </row>
    <row r="784" spans="1:9" x14ac:dyDescent="0.2">
      <c r="A784" s="10">
        <v>3310</v>
      </c>
      <c r="B784" s="10" t="s">
        <v>7515</v>
      </c>
      <c r="C784" s="10" t="s">
        <v>35</v>
      </c>
      <c r="D784" s="10" t="s">
        <v>7516</v>
      </c>
      <c r="E784" s="10" t="s">
        <v>7517</v>
      </c>
      <c r="F784" s="10" t="s">
        <v>7518</v>
      </c>
      <c r="G784" s="10" t="s">
        <v>7519</v>
      </c>
      <c r="H784" s="10" t="s">
        <v>7520</v>
      </c>
      <c r="I784" s="11">
        <v>45582</v>
      </c>
    </row>
    <row r="785" spans="1:9" x14ac:dyDescent="0.2">
      <c r="A785" s="10">
        <v>3065</v>
      </c>
      <c r="B785" s="10" t="s">
        <v>6174</v>
      </c>
      <c r="C785" s="10" t="s">
        <v>35</v>
      </c>
      <c r="D785" s="10" t="s">
        <v>6175</v>
      </c>
      <c r="E785" s="10" t="s">
        <v>6176</v>
      </c>
      <c r="F785" s="10" t="s">
        <v>6177</v>
      </c>
      <c r="G785" s="10" t="s">
        <v>6178</v>
      </c>
      <c r="H785" s="10" t="s">
        <v>6179</v>
      </c>
      <c r="I785" s="11">
        <v>45257</v>
      </c>
    </row>
    <row r="786" spans="1:9" x14ac:dyDescent="0.2">
      <c r="A786" s="10">
        <v>3226</v>
      </c>
      <c r="B786" s="10" t="s">
        <v>7049</v>
      </c>
      <c r="C786" s="10" t="s">
        <v>35</v>
      </c>
      <c r="D786" s="10" t="s">
        <v>1898</v>
      </c>
      <c r="E786" s="10" t="s">
        <v>298</v>
      </c>
      <c r="F786" s="10" t="s">
        <v>7050</v>
      </c>
      <c r="G786" s="10" t="s">
        <v>7051</v>
      </c>
      <c r="H786" s="10" t="s">
        <v>301</v>
      </c>
      <c r="I786" s="11">
        <v>45467</v>
      </c>
    </row>
    <row r="787" spans="1:9" x14ac:dyDescent="0.2">
      <c r="A787" s="10">
        <v>3028</v>
      </c>
      <c r="B787" s="10" t="s">
        <v>5979</v>
      </c>
      <c r="C787" s="10" t="s">
        <v>35</v>
      </c>
      <c r="D787" s="10" t="s">
        <v>5980</v>
      </c>
      <c r="E787" s="10" t="s">
        <v>5981</v>
      </c>
      <c r="F787" s="10" t="s">
        <v>5982</v>
      </c>
      <c r="G787" s="10" t="s">
        <v>5983</v>
      </c>
      <c r="H787" s="10" t="s">
        <v>5984</v>
      </c>
      <c r="I787" s="11">
        <v>45209</v>
      </c>
    </row>
    <row r="788" spans="1:9" x14ac:dyDescent="0.2">
      <c r="A788" s="10">
        <v>833</v>
      </c>
      <c r="B788" s="10" t="s">
        <v>296</v>
      </c>
      <c r="C788" s="10" t="s">
        <v>35</v>
      </c>
      <c r="D788" s="10" t="s">
        <v>297</v>
      </c>
      <c r="E788" s="10" t="s">
        <v>298</v>
      </c>
      <c r="F788" s="10" t="s">
        <v>299</v>
      </c>
      <c r="G788" s="10" t="s">
        <v>300</v>
      </c>
      <c r="H788" s="10" t="s">
        <v>301</v>
      </c>
      <c r="I788" s="11">
        <v>43586</v>
      </c>
    </row>
    <row r="789" spans="1:9" x14ac:dyDescent="0.2">
      <c r="A789" s="10">
        <v>1502</v>
      </c>
      <c r="B789" s="10" t="s">
        <v>750</v>
      </c>
      <c r="C789" s="10" t="s">
        <v>751</v>
      </c>
      <c r="D789" s="10" t="s">
        <v>752</v>
      </c>
      <c r="E789" s="10" t="s">
        <v>753</v>
      </c>
      <c r="F789" s="10" t="s">
        <v>754</v>
      </c>
      <c r="G789" s="10" t="s">
        <v>755</v>
      </c>
      <c r="H789" s="10" t="s">
        <v>751</v>
      </c>
      <c r="I789" s="11">
        <v>45998</v>
      </c>
    </row>
    <row r="790" spans="1:9" x14ac:dyDescent="0.2">
      <c r="A790" s="10">
        <v>1927</v>
      </c>
      <c r="B790" s="10" t="s">
        <v>1572</v>
      </c>
      <c r="C790" s="10" t="s">
        <v>1573</v>
      </c>
      <c r="D790" s="10" t="s">
        <v>1574</v>
      </c>
      <c r="E790" s="10" t="s">
        <v>1575</v>
      </c>
      <c r="F790" s="10" t="s">
        <v>1576</v>
      </c>
      <c r="G790" s="10" t="s">
        <v>755</v>
      </c>
      <c r="H790" s="10" t="s">
        <v>1577</v>
      </c>
      <c r="I790" s="11">
        <v>45116</v>
      </c>
    </row>
    <row r="791" spans="1:9" x14ac:dyDescent="0.2">
      <c r="A791" s="10">
        <v>2701</v>
      </c>
      <c r="B791" s="10" t="s">
        <v>4161</v>
      </c>
      <c r="C791" s="10" t="s">
        <v>4162</v>
      </c>
      <c r="D791" s="10" t="s">
        <v>4163</v>
      </c>
      <c r="E791" s="10" t="s">
        <v>4164</v>
      </c>
      <c r="F791" s="10" t="s">
        <v>4165</v>
      </c>
      <c r="G791" s="10" t="s">
        <v>755</v>
      </c>
      <c r="H791" s="10" t="s">
        <v>4166</v>
      </c>
      <c r="I791" s="11">
        <v>44700</v>
      </c>
    </row>
    <row r="792" spans="1:9" x14ac:dyDescent="0.2">
      <c r="A792" s="10">
        <v>1130</v>
      </c>
      <c r="B792" s="10" t="s">
        <v>450</v>
      </c>
      <c r="C792" s="10" t="s">
        <v>451</v>
      </c>
      <c r="D792" s="10" t="s">
        <v>452</v>
      </c>
      <c r="E792" s="10" t="s">
        <v>453</v>
      </c>
      <c r="F792" s="10" t="s">
        <v>454</v>
      </c>
      <c r="G792" s="10" t="s">
        <v>455</v>
      </c>
      <c r="H792" s="10" t="s">
        <v>451</v>
      </c>
      <c r="I792" s="11">
        <v>44873</v>
      </c>
    </row>
    <row r="793" spans="1:9" x14ac:dyDescent="0.2">
      <c r="A793" s="10">
        <v>2723</v>
      </c>
      <c r="B793" s="10" t="s">
        <v>4266</v>
      </c>
      <c r="C793" s="10" t="s">
        <v>4267</v>
      </c>
      <c r="D793" s="10" t="s">
        <v>547</v>
      </c>
      <c r="E793" s="10" t="s">
        <v>4268</v>
      </c>
      <c r="F793" s="10" t="s">
        <v>4269</v>
      </c>
      <c r="G793" s="10" t="s">
        <v>4270</v>
      </c>
      <c r="H793" s="10" t="s">
        <v>4271</v>
      </c>
      <c r="I793" s="11">
        <v>44732</v>
      </c>
    </row>
    <row r="794" spans="1:9" x14ac:dyDescent="0.2">
      <c r="A794" s="10">
        <v>2652</v>
      </c>
      <c r="B794" s="10" t="s">
        <v>3899</v>
      </c>
      <c r="C794" s="10" t="s">
        <v>3900</v>
      </c>
      <c r="D794" s="10" t="s">
        <v>3901</v>
      </c>
      <c r="E794" s="10" t="s">
        <v>3902</v>
      </c>
      <c r="F794" s="10" t="s">
        <v>3903</v>
      </c>
      <c r="G794" s="10" t="s">
        <v>3904</v>
      </c>
      <c r="H794" s="10" t="s">
        <v>3905</v>
      </c>
      <c r="I794" s="11">
        <v>44620</v>
      </c>
    </row>
    <row r="795" spans="1:9" x14ac:dyDescent="0.2">
      <c r="A795" s="10">
        <v>3081</v>
      </c>
      <c r="B795" s="10" t="s">
        <v>6262</v>
      </c>
      <c r="C795" s="10" t="s">
        <v>6263</v>
      </c>
      <c r="D795" s="10" t="s">
        <v>4643</v>
      </c>
      <c r="E795" s="10" t="s">
        <v>6264</v>
      </c>
      <c r="F795" s="10" t="s">
        <v>6265</v>
      </c>
      <c r="G795" s="10" t="s">
        <v>6266</v>
      </c>
      <c r="H795" s="10" t="s">
        <v>6263</v>
      </c>
      <c r="I795" s="11">
        <v>45274</v>
      </c>
    </row>
    <row r="796" spans="1:9" x14ac:dyDescent="0.2">
      <c r="A796" s="10">
        <v>3202</v>
      </c>
      <c r="B796" s="10" t="s">
        <v>6915</v>
      </c>
      <c r="C796" s="10" t="s">
        <v>6916</v>
      </c>
      <c r="D796" s="10" t="s">
        <v>6917</v>
      </c>
      <c r="E796" s="10" t="s">
        <v>6918</v>
      </c>
      <c r="F796" s="10" t="s">
        <v>6919</v>
      </c>
      <c r="G796" s="10" t="s">
        <v>6920</v>
      </c>
      <c r="H796" s="10" t="s">
        <v>6921</v>
      </c>
      <c r="I796" s="11">
        <v>45446</v>
      </c>
    </row>
    <row r="797" spans="1:9" x14ac:dyDescent="0.2">
      <c r="A797" s="10">
        <v>2821</v>
      </c>
      <c r="B797" s="10" t="s">
        <v>4819</v>
      </c>
      <c r="C797" s="10" t="s">
        <v>4820</v>
      </c>
      <c r="D797" s="10" t="s">
        <v>1058</v>
      </c>
      <c r="E797" s="10" t="s">
        <v>4821</v>
      </c>
      <c r="F797" s="10" t="s">
        <v>4822</v>
      </c>
      <c r="G797" s="10" t="s">
        <v>4823</v>
      </c>
      <c r="H797" s="10" t="s">
        <v>4824</v>
      </c>
      <c r="I797" s="11">
        <v>44879</v>
      </c>
    </row>
    <row r="798" spans="1:9" x14ac:dyDescent="0.2">
      <c r="A798" s="10">
        <v>2802</v>
      </c>
      <c r="B798" s="10" t="s">
        <v>4719</v>
      </c>
      <c r="C798" s="10" t="s">
        <v>4720</v>
      </c>
      <c r="D798" s="10" t="s">
        <v>4721</v>
      </c>
      <c r="E798" s="10" t="s">
        <v>4722</v>
      </c>
      <c r="F798" s="10" t="s">
        <v>4723</v>
      </c>
      <c r="G798" s="10" t="s">
        <v>4724</v>
      </c>
      <c r="H798" s="10" t="s">
        <v>4725</v>
      </c>
      <c r="I798" s="11">
        <v>44847</v>
      </c>
    </row>
    <row r="799" spans="1:9" x14ac:dyDescent="0.2">
      <c r="A799" s="10">
        <v>2927</v>
      </c>
      <c r="B799" s="10" t="s">
        <v>5418</v>
      </c>
      <c r="C799" s="10" t="s">
        <v>5419</v>
      </c>
      <c r="D799" s="10" t="s">
        <v>4749</v>
      </c>
      <c r="E799" s="10" t="s">
        <v>5420</v>
      </c>
      <c r="F799" s="10" t="s">
        <v>5421</v>
      </c>
      <c r="G799" s="10" t="s">
        <v>5422</v>
      </c>
      <c r="H799" s="10" t="s">
        <v>5423</v>
      </c>
      <c r="I799" s="11">
        <v>45071</v>
      </c>
    </row>
    <row r="800" spans="1:9" x14ac:dyDescent="0.2">
      <c r="A800" s="13">
        <v>3453</v>
      </c>
      <c r="B800" s="10" t="s">
        <v>8337</v>
      </c>
      <c r="C800" s="10" t="s">
        <v>8338</v>
      </c>
      <c r="D800" s="10" t="s">
        <v>8339</v>
      </c>
      <c r="E800" s="10" t="s">
        <v>8340</v>
      </c>
      <c r="F800" s="10" t="s">
        <v>8341</v>
      </c>
      <c r="G800" s="10" t="s">
        <v>8342</v>
      </c>
      <c r="H800" s="10" t="s">
        <v>8343</v>
      </c>
      <c r="I800" s="11">
        <v>45771</v>
      </c>
    </row>
    <row r="801" spans="1:9" x14ac:dyDescent="0.2">
      <c r="A801" s="10">
        <v>1883</v>
      </c>
      <c r="B801" s="10" t="s">
        <v>1460</v>
      </c>
      <c r="C801" s="10" t="s">
        <v>35</v>
      </c>
      <c r="D801" s="10" t="s">
        <v>1461</v>
      </c>
      <c r="E801" s="10" t="s">
        <v>1462</v>
      </c>
      <c r="F801" s="10" t="s">
        <v>1463</v>
      </c>
      <c r="G801" s="10" t="s">
        <v>1464</v>
      </c>
      <c r="H801" s="10" t="s">
        <v>1465</v>
      </c>
      <c r="I801" s="11">
        <v>45025</v>
      </c>
    </row>
    <row r="802" spans="1:9" x14ac:dyDescent="0.2">
      <c r="A802" s="10">
        <v>3328</v>
      </c>
      <c r="B802" s="10" t="s">
        <v>7623</v>
      </c>
      <c r="C802" s="10" t="s">
        <v>7624</v>
      </c>
      <c r="D802" s="10" t="s">
        <v>7625</v>
      </c>
      <c r="E802" s="10" t="s">
        <v>7626</v>
      </c>
      <c r="F802" s="10" t="s">
        <v>7627</v>
      </c>
      <c r="G802" s="10" t="s">
        <v>7628</v>
      </c>
      <c r="H802" s="10" t="s">
        <v>7624</v>
      </c>
      <c r="I802" s="11">
        <v>45596</v>
      </c>
    </row>
    <row r="803" spans="1:9" x14ac:dyDescent="0.2">
      <c r="A803" s="13">
        <v>3521</v>
      </c>
      <c r="B803" s="10" t="s">
        <v>8719</v>
      </c>
      <c r="C803" s="10" t="s">
        <v>8720</v>
      </c>
      <c r="D803" s="10" t="s">
        <v>8721</v>
      </c>
      <c r="E803" s="10" t="s">
        <v>8722</v>
      </c>
      <c r="F803" s="10" t="s">
        <v>8723</v>
      </c>
      <c r="G803" s="10" t="s">
        <v>8724</v>
      </c>
      <c r="H803" s="10" t="s">
        <v>8725</v>
      </c>
      <c r="I803" s="11">
        <v>45855</v>
      </c>
    </row>
    <row r="804" spans="1:9" x14ac:dyDescent="0.2">
      <c r="A804" s="10">
        <v>2739</v>
      </c>
      <c r="B804" s="10" t="s">
        <v>4357</v>
      </c>
      <c r="C804" s="10" t="s">
        <v>4358</v>
      </c>
      <c r="D804" s="10" t="s">
        <v>4359</v>
      </c>
      <c r="E804" s="10" t="s">
        <v>4360</v>
      </c>
      <c r="F804" s="10" t="s">
        <v>4361</v>
      </c>
      <c r="G804" s="10" t="s">
        <v>4362</v>
      </c>
      <c r="H804" s="10" t="s">
        <v>4358</v>
      </c>
      <c r="I804" s="11">
        <v>44739</v>
      </c>
    </row>
    <row r="805" spans="1:9" x14ac:dyDescent="0.2">
      <c r="A805" s="10">
        <v>3344</v>
      </c>
      <c r="B805" s="10" t="s">
        <v>7716</v>
      </c>
      <c r="C805" s="10" t="s">
        <v>35</v>
      </c>
      <c r="D805" s="10" t="s">
        <v>7717</v>
      </c>
      <c r="E805" s="10" t="s">
        <v>7718</v>
      </c>
      <c r="F805" s="10" t="s">
        <v>7719</v>
      </c>
      <c r="G805" s="10" t="s">
        <v>7720</v>
      </c>
      <c r="H805" s="10" t="s">
        <v>7721</v>
      </c>
      <c r="I805" s="11">
        <v>45621</v>
      </c>
    </row>
    <row r="806" spans="1:9" x14ac:dyDescent="0.2">
      <c r="A806" s="10">
        <v>2871</v>
      </c>
      <c r="B806" s="10" t="s">
        <v>5097</v>
      </c>
      <c r="C806" s="10" t="s">
        <v>5098</v>
      </c>
      <c r="D806" s="10" t="s">
        <v>5099</v>
      </c>
      <c r="E806" s="10" t="s">
        <v>5100</v>
      </c>
      <c r="F806" s="10" t="s">
        <v>5101</v>
      </c>
      <c r="G806" s="10" t="s">
        <v>5102</v>
      </c>
      <c r="H806" s="10" t="s">
        <v>5098</v>
      </c>
      <c r="I806" s="11">
        <v>44981</v>
      </c>
    </row>
    <row r="807" spans="1:9" x14ac:dyDescent="0.2">
      <c r="A807" s="10">
        <v>2674</v>
      </c>
      <c r="B807" s="10" t="s">
        <v>4007</v>
      </c>
      <c r="C807" s="10" t="s">
        <v>4008</v>
      </c>
      <c r="D807" s="10" t="s">
        <v>4009</v>
      </c>
      <c r="E807" s="10" t="s">
        <v>4010</v>
      </c>
      <c r="F807" s="10" t="s">
        <v>4011</v>
      </c>
      <c r="G807" s="10" t="s">
        <v>4012</v>
      </c>
      <c r="H807" s="10" t="s">
        <v>4013</v>
      </c>
      <c r="I807" s="11">
        <v>44662</v>
      </c>
    </row>
    <row r="808" spans="1:9" x14ac:dyDescent="0.2">
      <c r="A808" s="10">
        <v>3239</v>
      </c>
      <c r="B808" s="10" t="s">
        <v>7116</v>
      </c>
      <c r="C808" s="10" t="s">
        <v>7117</v>
      </c>
      <c r="D808" s="10" t="s">
        <v>3223</v>
      </c>
      <c r="E808" s="10" t="s">
        <v>7118</v>
      </c>
      <c r="F808" s="10" t="s">
        <v>7119</v>
      </c>
      <c r="G808" s="10" t="s">
        <v>7120</v>
      </c>
      <c r="H808" s="10" t="s">
        <v>7117</v>
      </c>
      <c r="I808" s="11">
        <v>45474</v>
      </c>
    </row>
    <row r="809" spans="1:9" x14ac:dyDescent="0.2">
      <c r="A809" s="10">
        <v>3349</v>
      </c>
      <c r="B809" s="10" t="s">
        <v>7745</v>
      </c>
      <c r="C809" s="10" t="s">
        <v>7746</v>
      </c>
      <c r="D809" s="10" t="s">
        <v>7747</v>
      </c>
      <c r="E809" s="10" t="s">
        <v>7748</v>
      </c>
      <c r="F809" s="10" t="s">
        <v>7749</v>
      </c>
      <c r="G809" s="10" t="s">
        <v>7750</v>
      </c>
      <c r="H809" s="10" t="s">
        <v>7746</v>
      </c>
      <c r="I809" s="11">
        <v>45642</v>
      </c>
    </row>
    <row r="810" spans="1:9" x14ac:dyDescent="0.2">
      <c r="A810" s="10">
        <v>3033</v>
      </c>
      <c r="B810" s="10" t="s">
        <v>6007</v>
      </c>
      <c r="C810" s="10" t="s">
        <v>35</v>
      </c>
      <c r="D810" s="10" t="s">
        <v>6008</v>
      </c>
      <c r="E810" s="10" t="s">
        <v>6009</v>
      </c>
      <c r="F810" s="10" t="s">
        <v>6010</v>
      </c>
      <c r="G810" s="10" t="s">
        <v>6011</v>
      </c>
      <c r="H810" s="10" t="s">
        <v>6012</v>
      </c>
      <c r="I810" s="11">
        <v>45204</v>
      </c>
    </row>
    <row r="811" spans="1:9" x14ac:dyDescent="0.2">
      <c r="A811" s="10">
        <v>3003</v>
      </c>
      <c r="B811" s="10" t="s">
        <v>5834</v>
      </c>
      <c r="C811" s="10" t="s">
        <v>5835</v>
      </c>
      <c r="D811" s="10" t="s">
        <v>5836</v>
      </c>
      <c r="E811" s="10" t="s">
        <v>5837</v>
      </c>
      <c r="F811" s="10" t="s">
        <v>5838</v>
      </c>
      <c r="G811" s="10" t="s">
        <v>5839</v>
      </c>
      <c r="H811" s="10" t="s">
        <v>5835</v>
      </c>
      <c r="I811" s="11">
        <v>45190</v>
      </c>
    </row>
    <row r="812" spans="1:9" x14ac:dyDescent="0.2">
      <c r="A812" s="10">
        <v>1944</v>
      </c>
      <c r="B812" s="10" t="s">
        <v>1578</v>
      </c>
      <c r="C812" s="10" t="s">
        <v>1579</v>
      </c>
      <c r="D812" s="10" t="s">
        <v>1580</v>
      </c>
      <c r="E812" s="10" t="s">
        <v>1581</v>
      </c>
      <c r="F812" s="10" t="s">
        <v>1582</v>
      </c>
      <c r="G812" s="10" t="s">
        <v>1583</v>
      </c>
      <c r="H812" s="10" t="s">
        <v>1584</v>
      </c>
      <c r="I812" s="11">
        <v>45172</v>
      </c>
    </row>
    <row r="813" spans="1:9" x14ac:dyDescent="0.2">
      <c r="A813" s="10">
        <v>3224</v>
      </c>
      <c r="B813" s="10" t="s">
        <v>7035</v>
      </c>
      <c r="C813" s="10" t="s">
        <v>7036</v>
      </c>
      <c r="D813" s="10" t="s">
        <v>7037</v>
      </c>
      <c r="E813" s="10" t="s">
        <v>7038</v>
      </c>
      <c r="F813" s="10" t="s">
        <v>7039</v>
      </c>
      <c r="G813" s="10" t="s">
        <v>7040</v>
      </c>
      <c r="H813" s="10" t="s">
        <v>7041</v>
      </c>
      <c r="I813" s="11">
        <v>45467</v>
      </c>
    </row>
    <row r="814" spans="1:9" x14ac:dyDescent="0.2">
      <c r="A814" s="10">
        <v>1077</v>
      </c>
      <c r="B814" s="10" t="s">
        <v>419</v>
      </c>
      <c r="C814" s="10" t="s">
        <v>420</v>
      </c>
      <c r="D814" s="10" t="s">
        <v>421</v>
      </c>
      <c r="E814" s="10" t="s">
        <v>422</v>
      </c>
      <c r="F814" s="10" t="s">
        <v>423</v>
      </c>
      <c r="G814" s="10" t="s">
        <v>424</v>
      </c>
      <c r="H814" s="10" t="s">
        <v>420</v>
      </c>
      <c r="I814" s="11">
        <v>44675</v>
      </c>
    </row>
    <row r="815" spans="1:9" x14ac:dyDescent="0.2">
      <c r="A815" s="13">
        <v>3475</v>
      </c>
      <c r="B815" s="10" t="s">
        <v>8459</v>
      </c>
      <c r="C815" s="10" t="s">
        <v>8460</v>
      </c>
      <c r="D815" s="10" t="s">
        <v>8461</v>
      </c>
      <c r="E815" s="10" t="s">
        <v>8462</v>
      </c>
      <c r="F815" s="10" t="s">
        <v>8463</v>
      </c>
      <c r="G815" s="10" t="s">
        <v>8464</v>
      </c>
      <c r="H815" s="10" t="s">
        <v>8460</v>
      </c>
      <c r="I815" s="11">
        <v>45792</v>
      </c>
    </row>
    <row r="816" spans="1:9" x14ac:dyDescent="0.2">
      <c r="A816" s="10">
        <v>2486</v>
      </c>
      <c r="B816" s="10" t="s">
        <v>3026</v>
      </c>
      <c r="C816" s="10" t="s">
        <v>3027</v>
      </c>
      <c r="D816" s="10" t="s">
        <v>3028</v>
      </c>
      <c r="E816" s="10" t="s">
        <v>3029</v>
      </c>
      <c r="F816" s="10" t="s">
        <v>3030</v>
      </c>
      <c r="G816" s="10" t="s">
        <v>3031</v>
      </c>
      <c r="H816" s="10" t="s">
        <v>3032</v>
      </c>
      <c r="I816" s="11">
        <v>44340</v>
      </c>
    </row>
    <row r="817" spans="1:9" x14ac:dyDescent="0.2">
      <c r="A817" s="10">
        <v>2670</v>
      </c>
      <c r="B817" s="10" t="s">
        <v>3985</v>
      </c>
      <c r="C817" s="10" t="s">
        <v>3986</v>
      </c>
      <c r="D817" s="10" t="s">
        <v>3987</v>
      </c>
      <c r="E817" s="10" t="s">
        <v>3988</v>
      </c>
      <c r="F817" s="10" t="s">
        <v>3989</v>
      </c>
      <c r="G817" s="10" t="s">
        <v>3031</v>
      </c>
      <c r="H817" s="10" t="s">
        <v>3986</v>
      </c>
      <c r="I817" s="11">
        <v>44642</v>
      </c>
    </row>
    <row r="818" spans="1:9" x14ac:dyDescent="0.2">
      <c r="A818" s="10">
        <v>3055</v>
      </c>
      <c r="B818" s="10" t="s">
        <v>6116</v>
      </c>
      <c r="C818" s="10" t="s">
        <v>6117</v>
      </c>
      <c r="D818" s="10" t="s">
        <v>6118</v>
      </c>
      <c r="E818" s="10" t="s">
        <v>6119</v>
      </c>
      <c r="F818" s="10" t="s">
        <v>6120</v>
      </c>
      <c r="G818" s="10" t="s">
        <v>6121</v>
      </c>
      <c r="H818" s="10" t="s">
        <v>6117</v>
      </c>
      <c r="I818" s="11">
        <v>45257</v>
      </c>
    </row>
    <row r="819" spans="1:9" x14ac:dyDescent="0.2">
      <c r="A819" s="10">
        <v>3071</v>
      </c>
      <c r="B819" s="10" t="s">
        <v>6202</v>
      </c>
      <c r="C819" s="10" t="s">
        <v>6203</v>
      </c>
      <c r="D819" s="10" t="s">
        <v>6204</v>
      </c>
      <c r="E819" s="10" t="s">
        <v>6205</v>
      </c>
      <c r="F819" s="10" t="s">
        <v>3503</v>
      </c>
      <c r="G819" s="10" t="s">
        <v>6121</v>
      </c>
      <c r="H819" s="10" t="s">
        <v>6203</v>
      </c>
      <c r="I819" s="11">
        <v>45271</v>
      </c>
    </row>
    <row r="820" spans="1:9" x14ac:dyDescent="0.2">
      <c r="A820" s="10">
        <v>50</v>
      </c>
      <c r="B820" s="10" t="s">
        <v>60</v>
      </c>
      <c r="C820" s="10" t="s">
        <v>61</v>
      </c>
      <c r="D820" s="10" t="s">
        <v>30</v>
      </c>
      <c r="E820" s="10" t="s">
        <v>62</v>
      </c>
      <c r="F820" s="10" t="s">
        <v>63</v>
      </c>
      <c r="G820" s="10" t="s">
        <v>64</v>
      </c>
      <c r="H820" s="10" t="s">
        <v>61</v>
      </c>
      <c r="I820" s="11">
        <v>44519</v>
      </c>
    </row>
    <row r="821" spans="1:9" x14ac:dyDescent="0.2">
      <c r="A821" s="10">
        <v>2683</v>
      </c>
      <c r="B821" s="10" t="s">
        <v>4064</v>
      </c>
      <c r="C821" s="10" t="s">
        <v>35</v>
      </c>
      <c r="D821" s="10" t="s">
        <v>4065</v>
      </c>
      <c r="E821" s="10" t="s">
        <v>4066</v>
      </c>
      <c r="F821" s="10" t="s">
        <v>4067</v>
      </c>
      <c r="G821" s="10" t="s">
        <v>4068</v>
      </c>
      <c r="H821" s="10" t="s">
        <v>4063</v>
      </c>
      <c r="I821" s="11">
        <v>44669</v>
      </c>
    </row>
    <row r="822" spans="1:9" x14ac:dyDescent="0.2">
      <c r="A822" s="10">
        <v>2861</v>
      </c>
      <c r="B822" s="10" t="s">
        <v>5037</v>
      </c>
      <c r="C822" s="10" t="s">
        <v>5038</v>
      </c>
      <c r="D822" s="10" t="s">
        <v>1960</v>
      </c>
      <c r="E822" s="10" t="s">
        <v>5039</v>
      </c>
      <c r="F822" s="10" t="s">
        <v>5040</v>
      </c>
      <c r="G822" s="10" t="s">
        <v>5041</v>
      </c>
      <c r="H822" s="10" t="s">
        <v>5042</v>
      </c>
      <c r="I822" s="11">
        <v>44973</v>
      </c>
    </row>
    <row r="823" spans="1:9" x14ac:dyDescent="0.2">
      <c r="A823" s="10">
        <v>1623</v>
      </c>
      <c r="B823" s="10" t="s">
        <v>931</v>
      </c>
      <c r="C823" s="10" t="s">
        <v>932</v>
      </c>
      <c r="D823" s="10" t="s">
        <v>933</v>
      </c>
      <c r="E823" s="10" t="s">
        <v>934</v>
      </c>
      <c r="F823" s="10" t="s">
        <v>935</v>
      </c>
      <c r="G823" s="10" t="s">
        <v>936</v>
      </c>
      <c r="H823" s="10" t="s">
        <v>937</v>
      </c>
      <c r="I823" s="11">
        <v>44411</v>
      </c>
    </row>
    <row r="824" spans="1:9" x14ac:dyDescent="0.2">
      <c r="A824" s="10">
        <v>2454</v>
      </c>
      <c r="B824" s="10" t="s">
        <v>2854</v>
      </c>
      <c r="C824" s="10" t="s">
        <v>2855</v>
      </c>
      <c r="D824" s="10" t="s">
        <v>1792</v>
      </c>
      <c r="E824" s="10" t="s">
        <v>2856</v>
      </c>
      <c r="F824" s="10" t="s">
        <v>2857</v>
      </c>
      <c r="G824" s="10" t="s">
        <v>2858</v>
      </c>
      <c r="H824" s="10" t="s">
        <v>2859</v>
      </c>
      <c r="I824" s="11">
        <v>44298</v>
      </c>
    </row>
    <row r="825" spans="1:9" x14ac:dyDescent="0.2">
      <c r="A825" s="10">
        <v>3074</v>
      </c>
      <c r="B825" s="10" t="s">
        <v>6217</v>
      </c>
      <c r="C825" s="10" t="s">
        <v>6218</v>
      </c>
      <c r="D825" s="10" t="s">
        <v>547</v>
      </c>
      <c r="E825" s="10" t="s">
        <v>6219</v>
      </c>
      <c r="F825" s="10" t="s">
        <v>6220</v>
      </c>
      <c r="G825" s="10" t="s">
        <v>6221</v>
      </c>
      <c r="H825" s="10" t="s">
        <v>6222</v>
      </c>
      <c r="I825" s="11">
        <v>45267</v>
      </c>
    </row>
    <row r="826" spans="1:9" x14ac:dyDescent="0.2">
      <c r="A826" s="10">
        <v>2690</v>
      </c>
      <c r="B826" s="10" t="s">
        <v>4098</v>
      </c>
      <c r="C826" s="10" t="s">
        <v>4099</v>
      </c>
      <c r="D826" s="10" t="s">
        <v>118</v>
      </c>
      <c r="E826" s="10" t="s">
        <v>3939</v>
      </c>
      <c r="F826" s="10" t="s">
        <v>4100</v>
      </c>
      <c r="G826" s="10" t="s">
        <v>4101</v>
      </c>
      <c r="H826" s="10" t="s">
        <v>4102</v>
      </c>
      <c r="I826" s="11">
        <v>44742</v>
      </c>
    </row>
    <row r="827" spans="1:9" x14ac:dyDescent="0.2">
      <c r="A827" s="10">
        <v>3180</v>
      </c>
      <c r="B827" s="10" t="s">
        <v>6795</v>
      </c>
      <c r="C827" s="10" t="s">
        <v>6796</v>
      </c>
      <c r="D827" s="10" t="s">
        <v>6797</v>
      </c>
      <c r="E827" s="10" t="s">
        <v>6798</v>
      </c>
      <c r="F827" s="10" t="s">
        <v>6799</v>
      </c>
      <c r="G827" s="10" t="s">
        <v>6800</v>
      </c>
      <c r="H827" s="10" t="s">
        <v>6796</v>
      </c>
      <c r="I827" s="11">
        <v>45400</v>
      </c>
    </row>
    <row r="828" spans="1:9" x14ac:dyDescent="0.2">
      <c r="A828" s="10">
        <v>3001</v>
      </c>
      <c r="B828" s="10" t="s">
        <v>5821</v>
      </c>
      <c r="C828" s="10" t="s">
        <v>5822</v>
      </c>
      <c r="D828" s="10" t="s">
        <v>2328</v>
      </c>
      <c r="E828" s="10" t="s">
        <v>5823</v>
      </c>
      <c r="F828" s="10" t="s">
        <v>5824</v>
      </c>
      <c r="G828" s="10" t="s">
        <v>5825</v>
      </c>
      <c r="H828" s="10" t="s">
        <v>5826</v>
      </c>
      <c r="I828" s="11">
        <v>45176</v>
      </c>
    </row>
    <row r="829" spans="1:9" x14ac:dyDescent="0.2">
      <c r="A829" s="10">
        <v>2711</v>
      </c>
      <c r="B829" s="10" t="s">
        <v>4210</v>
      </c>
      <c r="C829" s="10" t="s">
        <v>4211</v>
      </c>
      <c r="D829" s="10" t="s">
        <v>4212</v>
      </c>
      <c r="E829" s="10" t="s">
        <v>4213</v>
      </c>
      <c r="F829" s="10" t="s">
        <v>4214</v>
      </c>
      <c r="G829" s="10" t="s">
        <v>4215</v>
      </c>
      <c r="H829" s="10" t="s">
        <v>4211</v>
      </c>
      <c r="I829" s="11">
        <v>44718</v>
      </c>
    </row>
    <row r="830" spans="1:9" x14ac:dyDescent="0.2">
      <c r="A830" s="10">
        <v>3371</v>
      </c>
      <c r="B830" s="10" t="s">
        <v>7881</v>
      </c>
      <c r="C830" s="10" t="s">
        <v>7882</v>
      </c>
      <c r="D830" s="10" t="s">
        <v>5092</v>
      </c>
      <c r="E830" s="10" t="s">
        <v>7883</v>
      </c>
      <c r="F830" s="10" t="s">
        <v>7884</v>
      </c>
      <c r="G830" s="10" t="s">
        <v>7885</v>
      </c>
      <c r="H830" s="10" t="s">
        <v>7882</v>
      </c>
      <c r="I830" s="12">
        <v>45666</v>
      </c>
    </row>
    <row r="831" spans="1:9" x14ac:dyDescent="0.2">
      <c r="A831" s="13">
        <v>3526</v>
      </c>
      <c r="B831" s="10" t="s">
        <v>8752</v>
      </c>
      <c r="C831" s="10" t="s">
        <v>8753</v>
      </c>
      <c r="D831" s="10" t="s">
        <v>758</v>
      </c>
      <c r="E831" s="10" t="s">
        <v>8754</v>
      </c>
      <c r="F831" s="10" t="s">
        <v>8755</v>
      </c>
      <c r="G831" s="10" t="s">
        <v>8756</v>
      </c>
      <c r="H831" s="10" t="s">
        <v>8753</v>
      </c>
      <c r="I831" s="11">
        <v>45887</v>
      </c>
    </row>
    <row r="832" spans="1:9" x14ac:dyDescent="0.2">
      <c r="A832" s="10">
        <v>2692</v>
      </c>
      <c r="B832" s="10" t="s">
        <v>4109</v>
      </c>
      <c r="C832" s="10" t="s">
        <v>35</v>
      </c>
      <c r="D832" s="10" t="s">
        <v>4110</v>
      </c>
      <c r="E832" s="10" t="s">
        <v>4111</v>
      </c>
      <c r="F832" s="10" t="s">
        <v>4112</v>
      </c>
      <c r="G832" s="10" t="s">
        <v>4113</v>
      </c>
      <c r="H832" s="10" t="s">
        <v>4114</v>
      </c>
      <c r="I832" s="11">
        <v>44697</v>
      </c>
    </row>
    <row r="833" spans="1:9" x14ac:dyDescent="0.2">
      <c r="A833" s="10">
        <v>3190</v>
      </c>
      <c r="B833" s="10" t="s">
        <v>6850</v>
      </c>
      <c r="C833" s="10" t="s">
        <v>6851</v>
      </c>
      <c r="D833" s="10" t="s">
        <v>854</v>
      </c>
      <c r="E833" s="10" t="s">
        <v>6852</v>
      </c>
      <c r="F833" s="10" t="s">
        <v>6853</v>
      </c>
      <c r="G833" s="10" t="s">
        <v>6854</v>
      </c>
      <c r="H833" s="10" t="s">
        <v>6851</v>
      </c>
      <c r="I833" s="11">
        <v>45404</v>
      </c>
    </row>
    <row r="834" spans="1:9" x14ac:dyDescent="0.2">
      <c r="A834" s="10">
        <v>3311</v>
      </c>
      <c r="B834" s="10" t="s">
        <v>7521</v>
      </c>
      <c r="C834" s="10" t="s">
        <v>7522</v>
      </c>
      <c r="D834" s="10" t="s">
        <v>7523</v>
      </c>
      <c r="E834" s="10" t="s">
        <v>7524</v>
      </c>
      <c r="F834" s="10" t="s">
        <v>7525</v>
      </c>
      <c r="G834" s="10" t="s">
        <v>7526</v>
      </c>
      <c r="H834" s="10" t="s">
        <v>7522</v>
      </c>
      <c r="I834" s="11">
        <v>45582</v>
      </c>
    </row>
    <row r="835" spans="1:9" x14ac:dyDescent="0.2">
      <c r="A835" s="10">
        <v>3040</v>
      </c>
      <c r="B835" s="10" t="s">
        <v>6046</v>
      </c>
      <c r="C835" s="10" t="s">
        <v>6047</v>
      </c>
      <c r="D835" s="10" t="s">
        <v>746</v>
      </c>
      <c r="E835" s="10" t="s">
        <v>6048</v>
      </c>
      <c r="F835" s="10" t="s">
        <v>6049</v>
      </c>
      <c r="G835" s="10" t="s">
        <v>6050</v>
      </c>
      <c r="H835" s="10" t="s">
        <v>6051</v>
      </c>
      <c r="I835" s="11">
        <v>45232</v>
      </c>
    </row>
    <row r="836" spans="1:9" x14ac:dyDescent="0.2">
      <c r="A836" s="10">
        <v>3363</v>
      </c>
      <c r="B836" s="10" t="s">
        <v>7829</v>
      </c>
      <c r="C836" s="10" t="s">
        <v>7830</v>
      </c>
      <c r="D836" s="10" t="s">
        <v>7831</v>
      </c>
      <c r="E836" s="10" t="s">
        <v>7832</v>
      </c>
      <c r="F836" s="10" t="s">
        <v>7833</v>
      </c>
      <c r="G836" s="10" t="s">
        <v>7834</v>
      </c>
      <c r="H836" s="10" t="s">
        <v>7830</v>
      </c>
      <c r="I836" s="12">
        <v>45649</v>
      </c>
    </row>
    <row r="837" spans="1:9" x14ac:dyDescent="0.2">
      <c r="A837" s="13">
        <v>3495</v>
      </c>
      <c r="B837" s="10" t="s">
        <v>8569</v>
      </c>
      <c r="C837" s="10" t="s">
        <v>8570</v>
      </c>
      <c r="D837" s="10" t="s">
        <v>4247</v>
      </c>
      <c r="E837" s="10" t="s">
        <v>8571</v>
      </c>
      <c r="F837" s="10" t="s">
        <v>8572</v>
      </c>
      <c r="G837" s="10" t="s">
        <v>8573</v>
      </c>
      <c r="H837" s="10" t="s">
        <v>8570</v>
      </c>
      <c r="I837" s="11">
        <v>45824</v>
      </c>
    </row>
    <row r="838" spans="1:9" x14ac:dyDescent="0.2">
      <c r="A838" s="14">
        <v>3601</v>
      </c>
      <c r="B838" s="15" t="s">
        <v>9165</v>
      </c>
      <c r="C838" s="10" t="s">
        <v>9166</v>
      </c>
      <c r="D838" s="15" t="s">
        <v>4247</v>
      </c>
      <c r="E838" s="10" t="s">
        <v>9167</v>
      </c>
      <c r="F838" s="10" t="s">
        <v>9168</v>
      </c>
      <c r="G838" s="10" t="s">
        <v>9169</v>
      </c>
      <c r="H838" s="10" t="s">
        <v>9170</v>
      </c>
      <c r="I838" s="11">
        <v>45988</v>
      </c>
    </row>
    <row r="839" spans="1:9" x14ac:dyDescent="0.2">
      <c r="A839" s="10">
        <v>3399</v>
      </c>
      <c r="B839" s="10" t="s">
        <v>8033</v>
      </c>
      <c r="C839" s="10" t="s">
        <v>8034</v>
      </c>
      <c r="D839" s="10" t="s">
        <v>8035</v>
      </c>
      <c r="E839" s="10" t="s">
        <v>8036</v>
      </c>
      <c r="F839" s="10" t="s">
        <v>8037</v>
      </c>
      <c r="G839" s="10" t="s">
        <v>8038</v>
      </c>
      <c r="H839" s="10" t="s">
        <v>8034</v>
      </c>
      <c r="I839" s="11">
        <v>45713</v>
      </c>
    </row>
    <row r="840" spans="1:9" x14ac:dyDescent="0.2">
      <c r="A840" s="10">
        <v>2492</v>
      </c>
      <c r="B840" s="10" t="s">
        <v>3062</v>
      </c>
      <c r="C840" s="10" t="s">
        <v>35</v>
      </c>
      <c r="D840" s="10" t="s">
        <v>3063</v>
      </c>
      <c r="E840" s="10" t="s">
        <v>3064</v>
      </c>
      <c r="F840" s="10" t="s">
        <v>3065</v>
      </c>
      <c r="G840" s="10" t="s">
        <v>3066</v>
      </c>
      <c r="H840" s="10" t="s">
        <v>3067</v>
      </c>
      <c r="I840" s="11">
        <v>44336</v>
      </c>
    </row>
    <row r="841" spans="1:9" x14ac:dyDescent="0.2">
      <c r="A841" s="10">
        <v>2912</v>
      </c>
      <c r="B841" s="10" t="s">
        <v>5330</v>
      </c>
      <c r="C841" s="10" t="s">
        <v>5331</v>
      </c>
      <c r="D841" s="10" t="s">
        <v>5092</v>
      </c>
      <c r="E841" s="10" t="s">
        <v>5332</v>
      </c>
      <c r="F841" s="10" t="s">
        <v>5333</v>
      </c>
      <c r="G841" s="10" t="s">
        <v>5334</v>
      </c>
      <c r="H841" s="10" t="s">
        <v>5335</v>
      </c>
      <c r="I841" s="11">
        <v>45054</v>
      </c>
    </row>
    <row r="842" spans="1:9" x14ac:dyDescent="0.2">
      <c r="A842" s="10">
        <v>3198</v>
      </c>
      <c r="B842" s="10" t="s">
        <v>6894</v>
      </c>
      <c r="C842" s="10" t="s">
        <v>6895</v>
      </c>
      <c r="D842" s="10" t="s">
        <v>6810</v>
      </c>
      <c r="E842" s="10" t="s">
        <v>6896</v>
      </c>
      <c r="F842" s="10" t="s">
        <v>6897</v>
      </c>
      <c r="G842" s="10" t="s">
        <v>5334</v>
      </c>
      <c r="H842" s="10" t="s">
        <v>6895</v>
      </c>
      <c r="I842" s="11">
        <v>45428</v>
      </c>
    </row>
    <row r="843" spans="1:9" x14ac:dyDescent="0.2">
      <c r="A843" s="10">
        <v>3111</v>
      </c>
      <c r="B843" s="10" t="s">
        <v>6440</v>
      </c>
      <c r="C843" s="10" t="s">
        <v>6441</v>
      </c>
      <c r="D843" s="10" t="s">
        <v>6442</v>
      </c>
      <c r="E843" s="10" t="s">
        <v>6443</v>
      </c>
      <c r="F843" s="10" t="s">
        <v>6444</v>
      </c>
      <c r="G843" s="10" t="s">
        <v>6445</v>
      </c>
      <c r="H843" s="10" t="s">
        <v>6446</v>
      </c>
      <c r="I843" s="11">
        <v>45306</v>
      </c>
    </row>
    <row r="844" spans="1:9" x14ac:dyDescent="0.2">
      <c r="A844" s="10">
        <v>2141</v>
      </c>
      <c r="B844" s="10" t="s">
        <v>1922</v>
      </c>
      <c r="C844" s="10" t="s">
        <v>1923</v>
      </c>
      <c r="D844" s="10" t="s">
        <v>1374</v>
      </c>
      <c r="E844" s="10" t="s">
        <v>1924</v>
      </c>
      <c r="F844" s="10" t="s">
        <v>1925</v>
      </c>
      <c r="G844" s="10" t="s">
        <v>1926</v>
      </c>
      <c r="H844" s="10" t="s">
        <v>1923</v>
      </c>
      <c r="I844" s="11">
        <v>45580</v>
      </c>
    </row>
    <row r="845" spans="1:9" x14ac:dyDescent="0.2">
      <c r="A845" s="10">
        <v>2123</v>
      </c>
      <c r="B845" s="10" t="s">
        <v>1882</v>
      </c>
      <c r="C845" s="10" t="s">
        <v>1883</v>
      </c>
      <c r="D845" s="10" t="s">
        <v>1884</v>
      </c>
      <c r="E845" s="10" t="s">
        <v>1885</v>
      </c>
      <c r="F845" s="10" t="s">
        <v>1886</v>
      </c>
      <c r="G845" s="10" t="s">
        <v>1887</v>
      </c>
      <c r="H845" s="10" t="s">
        <v>1888</v>
      </c>
      <c r="I845" s="11">
        <v>45544</v>
      </c>
    </row>
    <row r="846" spans="1:9" x14ac:dyDescent="0.2">
      <c r="A846" s="14">
        <v>3605</v>
      </c>
      <c r="B846" s="15" t="s">
        <v>9190</v>
      </c>
      <c r="C846" s="10" t="s">
        <v>9191</v>
      </c>
      <c r="D846" s="15" t="s">
        <v>9192</v>
      </c>
      <c r="E846" s="10" t="s">
        <v>9193</v>
      </c>
      <c r="F846" s="10" t="s">
        <v>9194</v>
      </c>
      <c r="G846" s="10" t="s">
        <v>9195</v>
      </c>
      <c r="H846" s="10" t="s">
        <v>9191</v>
      </c>
      <c r="I846" s="11">
        <v>45978</v>
      </c>
    </row>
    <row r="847" spans="1:9" x14ac:dyDescent="0.2">
      <c r="A847" s="10">
        <v>1554</v>
      </c>
      <c r="B847" s="10" t="s">
        <v>829</v>
      </c>
      <c r="C847" s="10" t="s">
        <v>830</v>
      </c>
      <c r="D847" s="10" t="s">
        <v>831</v>
      </c>
      <c r="E847" s="10" t="s">
        <v>832</v>
      </c>
      <c r="F847" s="10" t="s">
        <v>833</v>
      </c>
      <c r="G847" s="10" t="s">
        <v>834</v>
      </c>
      <c r="H847" s="10" t="s">
        <v>830</v>
      </c>
      <c r="I847" s="11">
        <v>44339</v>
      </c>
    </row>
    <row r="848" spans="1:9" x14ac:dyDescent="0.2">
      <c r="A848" s="10">
        <v>3366</v>
      </c>
      <c r="B848" s="10" t="s">
        <v>7849</v>
      </c>
      <c r="C848" s="10" t="s">
        <v>35</v>
      </c>
      <c r="D848" s="10" t="s">
        <v>7850</v>
      </c>
      <c r="E848" s="10" t="s">
        <v>7851</v>
      </c>
      <c r="F848" s="10" t="s">
        <v>7852</v>
      </c>
      <c r="G848" s="10" t="s">
        <v>7853</v>
      </c>
      <c r="H848" s="10" t="s">
        <v>7854</v>
      </c>
      <c r="I848" s="12">
        <v>45645</v>
      </c>
    </row>
    <row r="849" spans="1:9" x14ac:dyDescent="0.2">
      <c r="A849" s="10">
        <v>2555</v>
      </c>
      <c r="B849" s="10" t="s">
        <v>3375</v>
      </c>
      <c r="C849" s="10" t="s">
        <v>3376</v>
      </c>
      <c r="D849" s="10" t="s">
        <v>3377</v>
      </c>
      <c r="E849" s="10" t="s">
        <v>3378</v>
      </c>
      <c r="F849" s="10" t="s">
        <v>3379</v>
      </c>
      <c r="G849" s="10" t="s">
        <v>3380</v>
      </c>
      <c r="H849" s="10" t="s">
        <v>3381</v>
      </c>
      <c r="I849" s="11">
        <v>44438</v>
      </c>
    </row>
    <row r="850" spans="1:9" x14ac:dyDescent="0.2">
      <c r="A850" s="10">
        <v>2702</v>
      </c>
      <c r="B850" s="10" t="s">
        <v>4167</v>
      </c>
      <c r="C850" s="10" t="s">
        <v>35</v>
      </c>
      <c r="D850" s="10" t="s">
        <v>4168</v>
      </c>
      <c r="E850" s="10" t="s">
        <v>4169</v>
      </c>
      <c r="F850" s="10" t="s">
        <v>4170</v>
      </c>
      <c r="G850" s="10" t="s">
        <v>4171</v>
      </c>
      <c r="H850" s="10" t="s">
        <v>4172</v>
      </c>
      <c r="I850" s="11">
        <v>44700</v>
      </c>
    </row>
    <row r="851" spans="1:9" x14ac:dyDescent="0.2">
      <c r="A851" s="10">
        <v>506</v>
      </c>
      <c r="B851" s="10" t="s">
        <v>181</v>
      </c>
      <c r="C851" s="10" t="s">
        <v>35</v>
      </c>
      <c r="D851" s="10" t="s">
        <v>182</v>
      </c>
      <c r="E851" s="10" t="s">
        <v>183</v>
      </c>
      <c r="F851" s="10" t="s">
        <v>184</v>
      </c>
      <c r="G851" s="10" t="s">
        <v>185</v>
      </c>
      <c r="H851" s="10" t="s">
        <v>186</v>
      </c>
      <c r="I851" s="11">
        <v>45891</v>
      </c>
    </row>
    <row r="852" spans="1:9" x14ac:dyDescent="0.2">
      <c r="A852" s="10">
        <v>3365</v>
      </c>
      <c r="B852" s="10" t="s">
        <v>7842</v>
      </c>
      <c r="C852" s="10" t="s">
        <v>7843</v>
      </c>
      <c r="D852" s="10" t="s">
        <v>7844</v>
      </c>
      <c r="E852" s="10" t="s">
        <v>7845</v>
      </c>
      <c r="F852" s="10" t="s">
        <v>7846</v>
      </c>
      <c r="G852" s="10" t="s">
        <v>7847</v>
      </c>
      <c r="H852" s="10" t="s">
        <v>7848</v>
      </c>
      <c r="I852" s="12">
        <v>45645</v>
      </c>
    </row>
    <row r="853" spans="1:9" x14ac:dyDescent="0.2">
      <c r="A853" s="10">
        <v>1852</v>
      </c>
      <c r="B853" s="10" t="s">
        <v>1383</v>
      </c>
      <c r="C853" s="10" t="s">
        <v>1384</v>
      </c>
      <c r="D853" s="10" t="s">
        <v>914</v>
      </c>
      <c r="E853" s="10" t="s">
        <v>1385</v>
      </c>
      <c r="F853" s="10" t="s">
        <v>1386</v>
      </c>
      <c r="G853" s="10" t="s">
        <v>1387</v>
      </c>
      <c r="H853" s="10" t="s">
        <v>1388</v>
      </c>
      <c r="I853" s="11">
        <v>44962</v>
      </c>
    </row>
    <row r="854" spans="1:9" x14ac:dyDescent="0.2">
      <c r="A854" s="10">
        <v>2423</v>
      </c>
      <c r="B854" s="10" t="s">
        <v>2698</v>
      </c>
      <c r="C854" s="10" t="s">
        <v>2699</v>
      </c>
      <c r="D854" s="10" t="s">
        <v>2700</v>
      </c>
      <c r="E854" s="10" t="s">
        <v>2701</v>
      </c>
      <c r="F854" s="10" t="s">
        <v>2702</v>
      </c>
      <c r="G854" s="10" t="s">
        <v>2703</v>
      </c>
      <c r="H854" s="10" t="s">
        <v>2704</v>
      </c>
      <c r="I854" s="11">
        <v>44263</v>
      </c>
    </row>
    <row r="855" spans="1:9" x14ac:dyDescent="0.2">
      <c r="A855" s="13">
        <v>3539</v>
      </c>
      <c r="B855" s="10" t="s">
        <v>8818</v>
      </c>
      <c r="C855" s="10" t="s">
        <v>8819</v>
      </c>
      <c r="D855" s="10" t="s">
        <v>3326</v>
      </c>
      <c r="E855" s="10" t="s">
        <v>8820</v>
      </c>
      <c r="F855" s="10" t="s">
        <v>8821</v>
      </c>
      <c r="G855" s="10" t="s">
        <v>8822</v>
      </c>
      <c r="H855" s="10" t="s">
        <v>8823</v>
      </c>
      <c r="I855" s="11">
        <v>45901</v>
      </c>
    </row>
    <row r="856" spans="1:9" x14ac:dyDescent="0.2">
      <c r="A856" s="10">
        <v>2922</v>
      </c>
      <c r="B856" s="10" t="s">
        <v>5387</v>
      </c>
      <c r="C856" s="10" t="s">
        <v>5388</v>
      </c>
      <c r="D856" s="10" t="s">
        <v>5389</v>
      </c>
      <c r="E856" s="10" t="s">
        <v>5390</v>
      </c>
      <c r="F856" s="10" t="s">
        <v>5391</v>
      </c>
      <c r="G856" s="10" t="s">
        <v>5392</v>
      </c>
      <c r="H856" s="10" t="s">
        <v>5388</v>
      </c>
      <c r="I856" s="11">
        <v>45068</v>
      </c>
    </row>
    <row r="857" spans="1:9" x14ac:dyDescent="0.2">
      <c r="A857" s="10">
        <v>2052</v>
      </c>
      <c r="B857" s="10" t="s">
        <v>1797</v>
      </c>
      <c r="C857" s="10" t="s">
        <v>1798</v>
      </c>
      <c r="D857" s="10" t="s">
        <v>118</v>
      </c>
      <c r="E857" s="10" t="s">
        <v>1799</v>
      </c>
      <c r="F857" s="10" t="s">
        <v>1800</v>
      </c>
      <c r="G857" s="10" t="s">
        <v>1801</v>
      </c>
      <c r="H857" s="10" t="s">
        <v>1798</v>
      </c>
      <c r="I857" s="11">
        <v>45419</v>
      </c>
    </row>
    <row r="858" spans="1:9" x14ac:dyDescent="0.2">
      <c r="A858" s="10">
        <v>2704</v>
      </c>
      <c r="B858" s="10" t="s">
        <v>4180</v>
      </c>
      <c r="C858" s="10" t="s">
        <v>4181</v>
      </c>
      <c r="D858" s="10" t="s">
        <v>1840</v>
      </c>
      <c r="E858" s="10" t="s">
        <v>4182</v>
      </c>
      <c r="F858" s="10" t="s">
        <v>4183</v>
      </c>
      <c r="G858" s="10" t="s">
        <v>4184</v>
      </c>
      <c r="H858" s="10" t="s">
        <v>4181</v>
      </c>
      <c r="I858" s="11">
        <v>44700</v>
      </c>
    </row>
    <row r="859" spans="1:9" x14ac:dyDescent="0.2">
      <c r="A859" s="10">
        <v>3030</v>
      </c>
      <c r="B859" s="10" t="s">
        <v>5991</v>
      </c>
      <c r="C859" s="10" t="s">
        <v>5992</v>
      </c>
      <c r="D859" s="10" t="s">
        <v>5993</v>
      </c>
      <c r="E859" s="10" t="s">
        <v>5994</v>
      </c>
      <c r="F859" s="10" t="s">
        <v>5995</v>
      </c>
      <c r="G859" s="10" t="s">
        <v>5996</v>
      </c>
      <c r="H859" s="10" t="s">
        <v>5997</v>
      </c>
      <c r="I859" s="11">
        <v>45218</v>
      </c>
    </row>
    <row r="860" spans="1:9" x14ac:dyDescent="0.2">
      <c r="A860" s="10">
        <v>3010</v>
      </c>
      <c r="B860" s="10" t="s">
        <v>5879</v>
      </c>
      <c r="C860" s="10" t="s">
        <v>5880</v>
      </c>
      <c r="D860" s="10" t="s">
        <v>5881</v>
      </c>
      <c r="E860" s="10" t="s">
        <v>5882</v>
      </c>
      <c r="F860" s="10" t="s">
        <v>5883</v>
      </c>
      <c r="G860" s="10" t="s">
        <v>5884</v>
      </c>
      <c r="H860" s="10" t="s">
        <v>5885</v>
      </c>
      <c r="I860" s="11">
        <v>45201</v>
      </c>
    </row>
    <row r="861" spans="1:9" x14ac:dyDescent="0.2">
      <c r="A861" s="10">
        <v>2982</v>
      </c>
      <c r="B861" s="10" t="s">
        <v>5710</v>
      </c>
      <c r="C861" s="10" t="s">
        <v>5711</v>
      </c>
      <c r="D861" s="10" t="s">
        <v>5712</v>
      </c>
      <c r="E861" s="10" t="s">
        <v>5713</v>
      </c>
      <c r="F861" s="10" t="s">
        <v>5714</v>
      </c>
      <c r="G861" s="10" t="s">
        <v>5715</v>
      </c>
      <c r="H861" s="10" t="s">
        <v>5716</v>
      </c>
      <c r="I861" s="11">
        <v>45134</v>
      </c>
    </row>
    <row r="862" spans="1:9" x14ac:dyDescent="0.2">
      <c r="A862" s="10">
        <v>1975</v>
      </c>
      <c r="B862" s="10" t="s">
        <v>1630</v>
      </c>
      <c r="C862" s="10" t="s">
        <v>35</v>
      </c>
      <c r="D862" s="10" t="s">
        <v>659</v>
      </c>
      <c r="E862" s="10" t="s">
        <v>1631</v>
      </c>
      <c r="F862" s="10" t="s">
        <v>1632</v>
      </c>
      <c r="G862" s="10" t="s">
        <v>1633</v>
      </c>
      <c r="H862" s="10" t="s">
        <v>1634</v>
      </c>
      <c r="I862" s="11">
        <v>45249</v>
      </c>
    </row>
    <row r="863" spans="1:9" x14ac:dyDescent="0.2">
      <c r="A863" s="10">
        <v>3084</v>
      </c>
      <c r="B863" s="10" t="s">
        <v>6281</v>
      </c>
      <c r="C863" s="10" t="s">
        <v>6282</v>
      </c>
      <c r="D863" s="10" t="s">
        <v>6283</v>
      </c>
      <c r="E863" s="10" t="s">
        <v>6284</v>
      </c>
      <c r="F863" s="10" t="s">
        <v>6285</v>
      </c>
      <c r="G863" s="10" t="s">
        <v>6286</v>
      </c>
      <c r="H863" s="10" t="s">
        <v>6282</v>
      </c>
      <c r="I863" s="11">
        <v>45271</v>
      </c>
    </row>
    <row r="864" spans="1:9" x14ac:dyDescent="0.2">
      <c r="A864" s="10">
        <v>2600</v>
      </c>
      <c r="B864" s="10" t="s">
        <v>3621</v>
      </c>
      <c r="C864" s="10" t="s">
        <v>3622</v>
      </c>
      <c r="D864" s="10" t="s">
        <v>3623</v>
      </c>
      <c r="E864" s="10" t="s">
        <v>3624</v>
      </c>
      <c r="F864" s="10" t="s">
        <v>3625</v>
      </c>
      <c r="G864" s="10" t="s">
        <v>3626</v>
      </c>
      <c r="H864" s="10" t="s">
        <v>3622</v>
      </c>
      <c r="I864" s="11">
        <v>44536</v>
      </c>
    </row>
    <row r="865" spans="1:9" x14ac:dyDescent="0.2">
      <c r="A865" s="10">
        <v>3301</v>
      </c>
      <c r="B865" s="10" t="s">
        <v>7463</v>
      </c>
      <c r="C865" s="10" t="s">
        <v>7464</v>
      </c>
      <c r="D865" s="10" t="s">
        <v>7465</v>
      </c>
      <c r="E865" s="10" t="s">
        <v>7466</v>
      </c>
      <c r="F865" s="10" t="s">
        <v>7467</v>
      </c>
      <c r="G865" s="10" t="s">
        <v>7468</v>
      </c>
      <c r="H865" s="10" t="s">
        <v>7464</v>
      </c>
      <c r="I865" s="11">
        <v>45572</v>
      </c>
    </row>
    <row r="866" spans="1:9" x14ac:dyDescent="0.2">
      <c r="A866" s="10">
        <v>3177</v>
      </c>
      <c r="B866" s="10" t="s">
        <v>6778</v>
      </c>
      <c r="C866" s="10" t="s">
        <v>6779</v>
      </c>
      <c r="D866" s="10" t="s">
        <v>2755</v>
      </c>
      <c r="E866" s="10" t="s">
        <v>6780</v>
      </c>
      <c r="F866" s="10" t="s">
        <v>6781</v>
      </c>
      <c r="G866" s="10" t="s">
        <v>6782</v>
      </c>
      <c r="H866" s="10" t="s">
        <v>6783</v>
      </c>
      <c r="I866" s="11">
        <v>45407</v>
      </c>
    </row>
    <row r="867" spans="1:9" x14ac:dyDescent="0.2">
      <c r="A867" s="10">
        <v>2806</v>
      </c>
      <c r="B867" s="10" t="s">
        <v>4740</v>
      </c>
      <c r="C867" s="10" t="s">
        <v>4741</v>
      </c>
      <c r="D867" s="10" t="s">
        <v>4742</v>
      </c>
      <c r="E867" s="10" t="s">
        <v>4743</v>
      </c>
      <c r="F867" s="10" t="s">
        <v>4744</v>
      </c>
      <c r="G867" s="10" t="s">
        <v>4745</v>
      </c>
      <c r="H867" s="10" t="s">
        <v>4746</v>
      </c>
      <c r="I867" s="11">
        <v>44851</v>
      </c>
    </row>
    <row r="868" spans="1:9" x14ac:dyDescent="0.2">
      <c r="A868" s="10">
        <v>1405</v>
      </c>
      <c r="B868" s="10" t="s">
        <v>694</v>
      </c>
      <c r="C868" s="10" t="s">
        <v>695</v>
      </c>
      <c r="D868" s="10" t="s">
        <v>696</v>
      </c>
      <c r="E868" s="10" t="s">
        <v>697</v>
      </c>
      <c r="F868" s="10" t="s">
        <v>698</v>
      </c>
      <c r="G868" s="10" t="s">
        <v>699</v>
      </c>
      <c r="H868" s="10" t="s">
        <v>695</v>
      </c>
      <c r="I868" s="11">
        <v>45698</v>
      </c>
    </row>
    <row r="869" spans="1:9" x14ac:dyDescent="0.2">
      <c r="A869" s="10">
        <v>2619</v>
      </c>
      <c r="B869" s="10" t="s">
        <v>3721</v>
      </c>
      <c r="C869" s="10" t="s">
        <v>3722</v>
      </c>
      <c r="D869" s="10" t="s">
        <v>3723</v>
      </c>
      <c r="E869" s="10" t="s">
        <v>3724</v>
      </c>
      <c r="F869" s="10" t="s">
        <v>3725</v>
      </c>
      <c r="G869" s="10" t="s">
        <v>3726</v>
      </c>
      <c r="H869" s="10" t="s">
        <v>3722</v>
      </c>
      <c r="I869" s="11">
        <v>44578</v>
      </c>
    </row>
    <row r="870" spans="1:9" x14ac:dyDescent="0.2">
      <c r="A870" s="10">
        <v>2604</v>
      </c>
      <c r="B870" s="10" t="s">
        <v>3646</v>
      </c>
      <c r="C870" s="10" t="s">
        <v>3647</v>
      </c>
      <c r="D870" s="10" t="s">
        <v>3648</v>
      </c>
      <c r="E870" s="10" t="s">
        <v>3649</v>
      </c>
      <c r="F870" s="10" t="s">
        <v>3650</v>
      </c>
      <c r="G870" s="10" t="s">
        <v>3651</v>
      </c>
      <c r="H870" s="10" t="s">
        <v>3647</v>
      </c>
      <c r="I870" s="11">
        <v>44550</v>
      </c>
    </row>
    <row r="871" spans="1:9" x14ac:dyDescent="0.2">
      <c r="A871" s="10">
        <v>410</v>
      </c>
      <c r="B871" s="10" t="s">
        <v>142</v>
      </c>
      <c r="C871" s="10" t="s">
        <v>143</v>
      </c>
      <c r="D871" s="10" t="s">
        <v>144</v>
      </c>
      <c r="E871" s="10" t="s">
        <v>145</v>
      </c>
      <c r="F871" s="10" t="s">
        <v>146</v>
      </c>
      <c r="G871" s="10" t="s">
        <v>147</v>
      </c>
      <c r="H871" s="10" t="s">
        <v>148</v>
      </c>
      <c r="I871" s="11">
        <v>45339</v>
      </c>
    </row>
    <row r="872" spans="1:9" x14ac:dyDescent="0.2">
      <c r="A872" s="10">
        <v>3304</v>
      </c>
      <c r="B872" s="10" t="s">
        <v>7480</v>
      </c>
      <c r="C872" s="10" t="s">
        <v>7481</v>
      </c>
      <c r="D872" s="10" t="s">
        <v>7482</v>
      </c>
      <c r="E872" s="10" t="s">
        <v>7483</v>
      </c>
      <c r="F872" s="10" t="s">
        <v>7484</v>
      </c>
      <c r="G872" s="10" t="s">
        <v>7485</v>
      </c>
      <c r="H872" s="10" t="s">
        <v>7486</v>
      </c>
      <c r="I872" s="11">
        <v>45575</v>
      </c>
    </row>
    <row r="873" spans="1:9" x14ac:dyDescent="0.2">
      <c r="A873" s="10">
        <v>1345</v>
      </c>
      <c r="B873" s="10" t="s">
        <v>646</v>
      </c>
      <c r="C873" s="10" t="s">
        <v>647</v>
      </c>
      <c r="D873" s="10" t="s">
        <v>391</v>
      </c>
      <c r="E873" s="10" t="s">
        <v>648</v>
      </c>
      <c r="F873" s="10" t="s">
        <v>649</v>
      </c>
      <c r="G873" s="10" t="s">
        <v>650</v>
      </c>
      <c r="H873" s="10" t="s">
        <v>651</v>
      </c>
      <c r="I873" s="11">
        <v>45525</v>
      </c>
    </row>
    <row r="874" spans="1:9" x14ac:dyDescent="0.2">
      <c r="A874" s="10">
        <v>3124</v>
      </c>
      <c r="B874" s="10" t="s">
        <v>6502</v>
      </c>
      <c r="C874" s="10" t="s">
        <v>6503</v>
      </c>
      <c r="D874" s="10" t="s">
        <v>6504</v>
      </c>
      <c r="E874" s="10" t="s">
        <v>6505</v>
      </c>
      <c r="F874" s="10" t="s">
        <v>6506</v>
      </c>
      <c r="G874" s="10" t="s">
        <v>6507</v>
      </c>
      <c r="H874" s="10" t="s">
        <v>6508</v>
      </c>
      <c r="I874" s="11">
        <v>45323</v>
      </c>
    </row>
    <row r="875" spans="1:9" x14ac:dyDescent="0.2">
      <c r="A875" s="10">
        <v>1953</v>
      </c>
      <c r="B875" s="10" t="s">
        <v>1604</v>
      </c>
      <c r="C875" s="10" t="s">
        <v>1605</v>
      </c>
      <c r="D875" s="10" t="s">
        <v>1606</v>
      </c>
      <c r="E875" s="10" t="s">
        <v>1607</v>
      </c>
      <c r="F875" s="10" t="s">
        <v>1608</v>
      </c>
      <c r="G875" s="10" t="s">
        <v>1609</v>
      </c>
      <c r="H875" s="10" t="s">
        <v>1610</v>
      </c>
      <c r="I875" s="11">
        <v>45194</v>
      </c>
    </row>
    <row r="876" spans="1:9" x14ac:dyDescent="0.2">
      <c r="A876" s="10">
        <v>2546</v>
      </c>
      <c r="B876" s="10" t="s">
        <v>3331</v>
      </c>
      <c r="C876" s="10" t="s">
        <v>3332</v>
      </c>
      <c r="D876" s="10" t="s">
        <v>1840</v>
      </c>
      <c r="E876" s="10" t="s">
        <v>3333</v>
      </c>
      <c r="F876" s="10" t="s">
        <v>3334</v>
      </c>
      <c r="G876" s="10" t="s">
        <v>3335</v>
      </c>
      <c r="H876" s="10" t="s">
        <v>3336</v>
      </c>
      <c r="I876" s="11">
        <v>44424</v>
      </c>
    </row>
    <row r="877" spans="1:9" x14ac:dyDescent="0.2">
      <c r="A877" s="10">
        <v>2430</v>
      </c>
      <c r="B877" s="10" t="s">
        <v>2740</v>
      </c>
      <c r="C877" s="10" t="s">
        <v>2741</v>
      </c>
      <c r="D877" s="10" t="s">
        <v>2742</v>
      </c>
      <c r="E877" s="10" t="s">
        <v>2743</v>
      </c>
      <c r="F877" s="10" t="s">
        <v>2744</v>
      </c>
      <c r="G877" s="10" t="s">
        <v>2745</v>
      </c>
      <c r="H877" s="10" t="s">
        <v>2746</v>
      </c>
      <c r="I877" s="11">
        <v>44270</v>
      </c>
    </row>
    <row r="878" spans="1:9" x14ac:dyDescent="0.2">
      <c r="A878" s="10">
        <v>2286</v>
      </c>
      <c r="B878" s="10" t="s">
        <v>2227</v>
      </c>
      <c r="C878" s="10" t="s">
        <v>2228</v>
      </c>
      <c r="D878" s="10" t="s">
        <v>2229</v>
      </c>
      <c r="E878" s="10" t="s">
        <v>2230</v>
      </c>
      <c r="F878" s="10" t="s">
        <v>2231</v>
      </c>
      <c r="G878" s="10" t="s">
        <v>2232</v>
      </c>
      <c r="H878" s="10" t="s">
        <v>2233</v>
      </c>
      <c r="I878" s="11">
        <v>45868</v>
      </c>
    </row>
    <row r="879" spans="1:9" x14ac:dyDescent="0.2">
      <c r="A879" s="10">
        <v>1255</v>
      </c>
      <c r="B879" s="10" t="s">
        <v>584</v>
      </c>
      <c r="C879" s="10" t="s">
        <v>585</v>
      </c>
      <c r="D879" s="10" t="s">
        <v>586</v>
      </c>
      <c r="E879" s="10" t="s">
        <v>587</v>
      </c>
      <c r="F879" s="10" t="s">
        <v>588</v>
      </c>
      <c r="G879" s="10" t="s">
        <v>589</v>
      </c>
      <c r="H879" s="10" t="s">
        <v>585</v>
      </c>
      <c r="I879" s="11">
        <v>45298</v>
      </c>
    </row>
    <row r="880" spans="1:9" x14ac:dyDescent="0.2">
      <c r="A880" s="10">
        <v>2179</v>
      </c>
      <c r="B880" s="10" t="s">
        <v>2011</v>
      </c>
      <c r="C880" s="10" t="s">
        <v>2012</v>
      </c>
      <c r="D880" s="10" t="s">
        <v>2013</v>
      </c>
      <c r="E880" s="10" t="s">
        <v>2014</v>
      </c>
      <c r="F880" s="10" t="s">
        <v>2015</v>
      </c>
      <c r="G880" s="10" t="s">
        <v>2016</v>
      </c>
      <c r="H880" s="10" t="s">
        <v>2012</v>
      </c>
      <c r="I880" s="11">
        <v>45652</v>
      </c>
    </row>
    <row r="881" spans="1:9" x14ac:dyDescent="0.2">
      <c r="A881" s="10">
        <v>1948</v>
      </c>
      <c r="B881" s="10" t="s">
        <v>1591</v>
      </c>
      <c r="C881" s="10" t="s">
        <v>1592</v>
      </c>
      <c r="D881" s="10" t="s">
        <v>1593</v>
      </c>
      <c r="E881" s="10" t="s">
        <v>1594</v>
      </c>
      <c r="F881" s="10" t="s">
        <v>1595</v>
      </c>
      <c r="G881" s="10" t="s">
        <v>1596</v>
      </c>
      <c r="H881" s="10" t="s">
        <v>1597</v>
      </c>
      <c r="I881" s="11">
        <v>45187</v>
      </c>
    </row>
    <row r="882" spans="1:9" x14ac:dyDescent="0.2">
      <c r="A882" s="10">
        <v>2906</v>
      </c>
      <c r="B882" s="10" t="s">
        <v>5303</v>
      </c>
      <c r="C882" s="10" t="s">
        <v>5304</v>
      </c>
      <c r="D882" s="10" t="s">
        <v>2583</v>
      </c>
      <c r="E882" s="10" t="s">
        <v>5305</v>
      </c>
      <c r="F882" s="10" t="s">
        <v>5306</v>
      </c>
      <c r="G882" s="10" t="s">
        <v>5307</v>
      </c>
      <c r="H882" s="10" t="s">
        <v>5304</v>
      </c>
      <c r="I882" s="11">
        <v>45043</v>
      </c>
    </row>
    <row r="883" spans="1:9" x14ac:dyDescent="0.2">
      <c r="A883" s="10">
        <v>2931</v>
      </c>
      <c r="B883" s="10" t="s">
        <v>5437</v>
      </c>
      <c r="C883" s="10" t="s">
        <v>5438</v>
      </c>
      <c r="D883" s="10" t="s">
        <v>4316</v>
      </c>
      <c r="E883" s="10" t="s">
        <v>5439</v>
      </c>
      <c r="F883" s="10" t="s">
        <v>5440</v>
      </c>
      <c r="G883" s="10" t="s">
        <v>5441</v>
      </c>
      <c r="H883" s="10" t="s">
        <v>5442</v>
      </c>
      <c r="I883" s="11">
        <v>45071</v>
      </c>
    </row>
    <row r="884" spans="1:9" x14ac:dyDescent="0.2">
      <c r="A884" s="10">
        <v>3057</v>
      </c>
      <c r="B884" s="10" t="s">
        <v>6129</v>
      </c>
      <c r="C884" s="10" t="s">
        <v>6130</v>
      </c>
      <c r="D884" s="10" t="s">
        <v>696</v>
      </c>
      <c r="E884" s="10" t="s">
        <v>6131</v>
      </c>
      <c r="F884" s="10" t="s">
        <v>6132</v>
      </c>
      <c r="G884" s="10" t="s">
        <v>6133</v>
      </c>
      <c r="H884" s="10" t="s">
        <v>6130</v>
      </c>
      <c r="I884" s="11">
        <v>45257</v>
      </c>
    </row>
    <row r="885" spans="1:9" x14ac:dyDescent="0.2">
      <c r="A885" s="10">
        <v>1215</v>
      </c>
      <c r="B885" s="10" t="s">
        <v>538</v>
      </c>
      <c r="C885" s="10" t="s">
        <v>539</v>
      </c>
      <c r="D885" s="10" t="s">
        <v>540</v>
      </c>
      <c r="E885" s="10" t="s">
        <v>541</v>
      </c>
      <c r="F885" s="10" t="s">
        <v>542</v>
      </c>
      <c r="G885" s="10" t="s">
        <v>543</v>
      </c>
      <c r="H885" s="10" t="s">
        <v>544</v>
      </c>
      <c r="I885" s="11">
        <v>45129</v>
      </c>
    </row>
    <row r="886" spans="1:9" x14ac:dyDescent="0.2">
      <c r="A886" s="10">
        <v>1875</v>
      </c>
      <c r="B886" s="10" t="s">
        <v>1430</v>
      </c>
      <c r="C886" s="10" t="s">
        <v>1431</v>
      </c>
      <c r="D886" s="10" t="s">
        <v>854</v>
      </c>
      <c r="E886" s="10" t="s">
        <v>1432</v>
      </c>
      <c r="F886" s="10" t="s">
        <v>1433</v>
      </c>
      <c r="G886" s="10" t="s">
        <v>1434</v>
      </c>
      <c r="H886" s="10" t="s">
        <v>1431</v>
      </c>
      <c r="I886" s="11">
        <v>45011</v>
      </c>
    </row>
    <row r="887" spans="1:9" x14ac:dyDescent="0.2">
      <c r="A887" s="10">
        <v>1167</v>
      </c>
      <c r="B887" s="10" t="s">
        <v>494</v>
      </c>
      <c r="C887" s="10" t="s">
        <v>495</v>
      </c>
      <c r="D887" s="10" t="s">
        <v>496</v>
      </c>
      <c r="E887" s="10" t="s">
        <v>497</v>
      </c>
      <c r="F887" s="10" t="s">
        <v>498</v>
      </c>
      <c r="G887" s="10" t="s">
        <v>499</v>
      </c>
      <c r="H887" s="10" t="s">
        <v>495</v>
      </c>
      <c r="I887" s="11">
        <v>44983</v>
      </c>
    </row>
    <row r="888" spans="1:9" x14ac:dyDescent="0.2">
      <c r="A888" s="10">
        <v>2569</v>
      </c>
      <c r="B888" s="10" t="s">
        <v>3455</v>
      </c>
      <c r="C888" s="10" t="s">
        <v>3456</v>
      </c>
      <c r="D888" s="10" t="s">
        <v>1099</v>
      </c>
      <c r="E888" s="10" t="s">
        <v>3457</v>
      </c>
      <c r="F888" s="10" t="s">
        <v>3458</v>
      </c>
      <c r="G888" s="10" t="s">
        <v>3459</v>
      </c>
      <c r="H888" s="10" t="s">
        <v>3456</v>
      </c>
      <c r="I888" s="11">
        <v>44480</v>
      </c>
    </row>
    <row r="889" spans="1:9" x14ac:dyDescent="0.2">
      <c r="A889" s="10">
        <v>2047</v>
      </c>
      <c r="B889" s="10" t="s">
        <v>1777</v>
      </c>
      <c r="C889" s="10" t="s">
        <v>1778</v>
      </c>
      <c r="D889" s="10" t="s">
        <v>1779</v>
      </c>
      <c r="E889" s="10" t="s">
        <v>1780</v>
      </c>
      <c r="F889" s="10" t="s">
        <v>1781</v>
      </c>
      <c r="G889" s="10" t="s">
        <v>1782</v>
      </c>
      <c r="H889" s="10" t="s">
        <v>1783</v>
      </c>
      <c r="I889" s="11">
        <v>45407</v>
      </c>
    </row>
    <row r="890" spans="1:9" x14ac:dyDescent="0.2">
      <c r="A890" s="10">
        <v>2447</v>
      </c>
      <c r="B890" s="10" t="s">
        <v>2824</v>
      </c>
      <c r="C890" s="10" t="s">
        <v>2825</v>
      </c>
      <c r="D890" s="10" t="s">
        <v>1282</v>
      </c>
      <c r="E890" s="10" t="s">
        <v>2826</v>
      </c>
      <c r="F890" s="10" t="s">
        <v>2827</v>
      </c>
      <c r="G890" s="10" t="s">
        <v>2828</v>
      </c>
      <c r="H890" s="10" t="s">
        <v>2825</v>
      </c>
      <c r="I890" s="11">
        <v>44284</v>
      </c>
    </row>
    <row r="891" spans="1:9" x14ac:dyDescent="0.2">
      <c r="A891" s="10">
        <v>3298</v>
      </c>
      <c r="B891" s="10" t="s">
        <v>7446</v>
      </c>
      <c r="C891" s="10" t="s">
        <v>7447</v>
      </c>
      <c r="D891" s="10" t="s">
        <v>7448</v>
      </c>
      <c r="E891" s="10" t="s">
        <v>7449</v>
      </c>
      <c r="F891" s="10" t="s">
        <v>7450</v>
      </c>
      <c r="G891" s="10" t="s">
        <v>2828</v>
      </c>
      <c r="H891" s="10" t="s">
        <v>7447</v>
      </c>
      <c r="I891" s="11">
        <v>45568</v>
      </c>
    </row>
    <row r="892" spans="1:9" x14ac:dyDescent="0.2">
      <c r="A892" s="14">
        <v>3606</v>
      </c>
      <c r="B892" s="15" t="s">
        <v>9196</v>
      </c>
      <c r="C892" s="10" t="s">
        <v>9197</v>
      </c>
      <c r="D892" s="15" t="s">
        <v>746</v>
      </c>
      <c r="E892" s="10" t="s">
        <v>9198</v>
      </c>
      <c r="F892" s="10" t="s">
        <v>8179</v>
      </c>
      <c r="G892" s="10" t="s">
        <v>2828</v>
      </c>
      <c r="H892" s="10" t="s">
        <v>9197</v>
      </c>
      <c r="I892" s="11">
        <v>45988</v>
      </c>
    </row>
    <row r="893" spans="1:9" x14ac:dyDescent="0.2">
      <c r="A893" s="10">
        <v>3359</v>
      </c>
      <c r="B893" s="10" t="s">
        <v>7806</v>
      </c>
      <c r="C893" s="10" t="s">
        <v>7807</v>
      </c>
      <c r="D893" s="10" t="s">
        <v>7808</v>
      </c>
      <c r="E893" s="10" t="s">
        <v>7809</v>
      </c>
      <c r="F893" s="10" t="s">
        <v>7810</v>
      </c>
      <c r="G893" s="10" t="s">
        <v>7811</v>
      </c>
      <c r="H893" s="10" t="s">
        <v>7807</v>
      </c>
      <c r="I893" s="12">
        <v>45642</v>
      </c>
    </row>
    <row r="894" spans="1:9" x14ac:dyDescent="0.2">
      <c r="A894" s="10">
        <v>149</v>
      </c>
      <c r="B894" s="10" t="s">
        <v>103</v>
      </c>
      <c r="C894" s="10" t="s">
        <v>104</v>
      </c>
      <c r="D894" s="10" t="s">
        <v>105</v>
      </c>
      <c r="E894" s="10" t="s">
        <v>106</v>
      </c>
      <c r="F894" s="10" t="s">
        <v>107</v>
      </c>
      <c r="G894" s="10" t="s">
        <v>108</v>
      </c>
      <c r="H894" s="10" t="s">
        <v>109</v>
      </c>
      <c r="I894" s="11">
        <v>44585</v>
      </c>
    </row>
    <row r="895" spans="1:9" x14ac:dyDescent="0.2">
      <c r="A895" s="10">
        <v>3306</v>
      </c>
      <c r="B895" s="10" t="s">
        <v>7492</v>
      </c>
      <c r="C895" s="10" t="s">
        <v>35</v>
      </c>
      <c r="D895" s="10" t="s">
        <v>7493</v>
      </c>
      <c r="E895" s="10" t="s">
        <v>7494</v>
      </c>
      <c r="F895" s="10" t="s">
        <v>7495</v>
      </c>
      <c r="G895" s="10" t="s">
        <v>7496</v>
      </c>
      <c r="H895" s="10" t="s">
        <v>7497</v>
      </c>
      <c r="I895" s="11">
        <v>45589</v>
      </c>
    </row>
    <row r="896" spans="1:9" x14ac:dyDescent="0.2">
      <c r="A896" s="10">
        <v>2367</v>
      </c>
      <c r="B896" s="10" t="s">
        <v>2412</v>
      </c>
      <c r="C896" s="10" t="s">
        <v>2413</v>
      </c>
      <c r="D896" s="10" t="s">
        <v>2414</v>
      </c>
      <c r="E896" s="10" t="s">
        <v>2415</v>
      </c>
      <c r="F896" s="10" t="s">
        <v>2416</v>
      </c>
      <c r="G896" s="10" t="s">
        <v>2417</v>
      </c>
      <c r="H896" s="10" t="s">
        <v>2418</v>
      </c>
      <c r="I896" s="11">
        <v>44203</v>
      </c>
    </row>
    <row r="897" spans="1:9" x14ac:dyDescent="0.2">
      <c r="A897" s="10">
        <v>2719</v>
      </c>
      <c r="B897" s="10" t="s">
        <v>4245</v>
      </c>
      <c r="C897" s="10" t="s">
        <v>4246</v>
      </c>
      <c r="D897" s="10" t="s">
        <v>4247</v>
      </c>
      <c r="E897" s="10" t="s">
        <v>4248</v>
      </c>
      <c r="F897" s="10" t="s">
        <v>4249</v>
      </c>
      <c r="G897" s="10" t="s">
        <v>4250</v>
      </c>
      <c r="H897" s="10" t="s">
        <v>4246</v>
      </c>
      <c r="I897" s="11">
        <v>44725</v>
      </c>
    </row>
    <row r="898" spans="1:9" x14ac:dyDescent="0.2">
      <c r="A898" s="10">
        <v>1037</v>
      </c>
      <c r="B898" s="10" t="s">
        <v>389</v>
      </c>
      <c r="C898" s="10" t="s">
        <v>390</v>
      </c>
      <c r="D898" s="10" t="s">
        <v>391</v>
      </c>
      <c r="E898" s="10" t="s">
        <v>392</v>
      </c>
      <c r="F898" s="10" t="s">
        <v>393</v>
      </c>
      <c r="G898" s="10" t="s">
        <v>394</v>
      </c>
      <c r="H898" s="10" t="s">
        <v>395</v>
      </c>
      <c r="I898" s="11">
        <v>44507</v>
      </c>
    </row>
    <row r="899" spans="1:9" x14ac:dyDescent="0.2">
      <c r="A899" s="10">
        <v>3315</v>
      </c>
      <c r="B899" s="10" t="s">
        <v>7543</v>
      </c>
      <c r="C899" s="10" t="s">
        <v>7544</v>
      </c>
      <c r="D899" s="10" t="s">
        <v>7545</v>
      </c>
      <c r="E899" s="10" t="s">
        <v>7546</v>
      </c>
      <c r="F899" s="10" t="s">
        <v>7547</v>
      </c>
      <c r="G899" s="10" t="s">
        <v>7548</v>
      </c>
      <c r="H899" s="10" t="s">
        <v>7549</v>
      </c>
      <c r="I899" s="11">
        <v>45589</v>
      </c>
    </row>
    <row r="900" spans="1:9" x14ac:dyDescent="0.2">
      <c r="A900" s="10">
        <v>2088</v>
      </c>
      <c r="B900" s="10" t="s">
        <v>1832</v>
      </c>
      <c r="C900" s="10" t="s">
        <v>35</v>
      </c>
      <c r="D900" s="10" t="s">
        <v>1833</v>
      </c>
      <c r="E900" s="10" t="s">
        <v>1834</v>
      </c>
      <c r="F900" s="10" t="s">
        <v>1835</v>
      </c>
      <c r="G900" s="10" t="s">
        <v>1836</v>
      </c>
      <c r="H900" s="10" t="s">
        <v>1837</v>
      </c>
      <c r="I900" s="11">
        <v>45474</v>
      </c>
    </row>
    <row r="901" spans="1:9" x14ac:dyDescent="0.2">
      <c r="A901" s="13">
        <v>3465</v>
      </c>
      <c r="B901" s="10" t="s">
        <v>8402</v>
      </c>
      <c r="C901" s="10" t="s">
        <v>35</v>
      </c>
      <c r="D901" s="10" t="s">
        <v>1312</v>
      </c>
      <c r="E901" s="10" t="s">
        <v>8403</v>
      </c>
      <c r="F901" s="10" t="s">
        <v>8404</v>
      </c>
      <c r="G901" s="10" t="s">
        <v>8405</v>
      </c>
      <c r="H901" s="10" t="s">
        <v>8406</v>
      </c>
      <c r="I901" s="11">
        <v>45792</v>
      </c>
    </row>
    <row r="902" spans="1:9" x14ac:dyDescent="0.2">
      <c r="A902" s="10">
        <v>2535</v>
      </c>
      <c r="B902" s="10" t="s">
        <v>3264</v>
      </c>
      <c r="C902" s="10" t="s">
        <v>3265</v>
      </c>
      <c r="D902" s="10" t="s">
        <v>3266</v>
      </c>
      <c r="E902" s="10" t="s">
        <v>3267</v>
      </c>
      <c r="F902" s="10" t="s">
        <v>3268</v>
      </c>
      <c r="G902" s="10" t="s">
        <v>3269</v>
      </c>
      <c r="H902" s="10" t="s">
        <v>3265</v>
      </c>
      <c r="I902" s="11">
        <v>44378</v>
      </c>
    </row>
    <row r="903" spans="1:9" x14ac:dyDescent="0.2">
      <c r="A903" s="13">
        <v>3455</v>
      </c>
      <c r="B903" s="10" t="s">
        <v>8350</v>
      </c>
      <c r="C903" s="10" t="s">
        <v>8351</v>
      </c>
      <c r="D903" s="10" t="s">
        <v>824</v>
      </c>
      <c r="E903" s="10" t="s">
        <v>8352</v>
      </c>
      <c r="F903" s="10" t="s">
        <v>8353</v>
      </c>
      <c r="G903" s="10" t="s">
        <v>8354</v>
      </c>
      <c r="H903" s="10" t="s">
        <v>8351</v>
      </c>
      <c r="I903" s="11">
        <v>45785</v>
      </c>
    </row>
    <row r="904" spans="1:9" x14ac:dyDescent="0.2">
      <c r="A904" s="10">
        <v>2990</v>
      </c>
      <c r="B904" s="10" t="s">
        <v>5755</v>
      </c>
      <c r="C904" s="10" t="s">
        <v>5756</v>
      </c>
      <c r="D904" s="10" t="s">
        <v>5757</v>
      </c>
      <c r="E904" s="10" t="s">
        <v>5758</v>
      </c>
      <c r="F904" s="10" t="s">
        <v>5759</v>
      </c>
      <c r="G904" s="10" t="s">
        <v>5760</v>
      </c>
      <c r="H904" s="10" t="s">
        <v>5756</v>
      </c>
      <c r="I904" s="11">
        <v>45162</v>
      </c>
    </row>
    <row r="905" spans="1:9" x14ac:dyDescent="0.2">
      <c r="A905" s="13">
        <v>3457</v>
      </c>
      <c r="B905" s="10" t="s">
        <v>8360</v>
      </c>
      <c r="C905" s="10" t="s">
        <v>35</v>
      </c>
      <c r="D905" s="10" t="s">
        <v>824</v>
      </c>
      <c r="E905" s="10" t="s">
        <v>8361</v>
      </c>
      <c r="F905" s="10" t="s">
        <v>8362</v>
      </c>
      <c r="G905" s="10" t="s">
        <v>8363</v>
      </c>
      <c r="H905" s="10" t="s">
        <v>8364</v>
      </c>
      <c r="I905" s="11">
        <v>45775</v>
      </c>
    </row>
    <row r="906" spans="1:9" x14ac:dyDescent="0.2">
      <c r="A906" s="10">
        <v>1818</v>
      </c>
      <c r="B906" s="10" t="s">
        <v>1304</v>
      </c>
      <c r="C906" s="10" t="s">
        <v>1305</v>
      </c>
      <c r="D906" s="10" t="s">
        <v>1306</v>
      </c>
      <c r="E906" s="10" t="s">
        <v>1307</v>
      </c>
      <c r="F906" s="10" t="s">
        <v>1308</v>
      </c>
      <c r="G906" s="10" t="s">
        <v>1309</v>
      </c>
      <c r="H906" s="10" t="s">
        <v>1305</v>
      </c>
      <c r="I906" s="11">
        <v>44885</v>
      </c>
    </row>
    <row r="907" spans="1:9" x14ac:dyDescent="0.2">
      <c r="A907" s="14">
        <v>3611</v>
      </c>
      <c r="B907" s="15" t="s">
        <v>9227</v>
      </c>
      <c r="C907" s="10" t="s">
        <v>9228</v>
      </c>
      <c r="D907" s="15" t="s">
        <v>9229</v>
      </c>
      <c r="E907" s="10" t="s">
        <v>9230</v>
      </c>
      <c r="F907" s="10" t="s">
        <v>9231</v>
      </c>
      <c r="G907" s="10" t="s">
        <v>9232</v>
      </c>
      <c r="H907" s="10" t="s">
        <v>9228</v>
      </c>
      <c r="I907" s="11">
        <v>46016</v>
      </c>
    </row>
    <row r="908" spans="1:9" x14ac:dyDescent="0.2">
      <c r="A908" s="13">
        <v>3531</v>
      </c>
      <c r="B908" s="10" t="s">
        <v>8777</v>
      </c>
      <c r="C908" s="10" t="s">
        <v>8778</v>
      </c>
      <c r="D908" s="10" t="s">
        <v>8779</v>
      </c>
      <c r="E908" s="10" t="s">
        <v>8780</v>
      </c>
      <c r="F908" s="10" t="s">
        <v>8781</v>
      </c>
      <c r="G908" s="10" t="s">
        <v>8782</v>
      </c>
      <c r="H908" s="10" t="s">
        <v>8778</v>
      </c>
      <c r="I908" s="11">
        <v>45890</v>
      </c>
    </row>
    <row r="909" spans="1:9" x14ac:dyDescent="0.2">
      <c r="A909" s="10">
        <v>2936</v>
      </c>
      <c r="B909" s="10" t="s">
        <v>5467</v>
      </c>
      <c r="C909" s="10" t="s">
        <v>5468</v>
      </c>
      <c r="D909" s="10" t="s">
        <v>5469</v>
      </c>
      <c r="E909" s="10" t="s">
        <v>5470</v>
      </c>
      <c r="F909" s="10" t="s">
        <v>5471</v>
      </c>
      <c r="G909" s="10" t="s">
        <v>5472</v>
      </c>
      <c r="H909" s="10" t="s">
        <v>5468</v>
      </c>
      <c r="I909" s="11">
        <v>45075</v>
      </c>
    </row>
    <row r="910" spans="1:9" x14ac:dyDescent="0.2">
      <c r="A910" s="10">
        <v>3087</v>
      </c>
      <c r="B910" s="10" t="s">
        <v>6298</v>
      </c>
      <c r="C910" s="10" t="s">
        <v>6299</v>
      </c>
      <c r="D910" s="10" t="s">
        <v>6300</v>
      </c>
      <c r="E910" s="10" t="s">
        <v>6301</v>
      </c>
      <c r="F910" s="10" t="s">
        <v>6302</v>
      </c>
      <c r="G910" s="10" t="s">
        <v>6303</v>
      </c>
      <c r="H910" s="10" t="s">
        <v>6299</v>
      </c>
      <c r="I910" s="11">
        <v>45271</v>
      </c>
    </row>
    <row r="911" spans="1:9" x14ac:dyDescent="0.2">
      <c r="A911" s="13">
        <v>3498</v>
      </c>
      <c r="B911" s="10" t="s">
        <v>8586</v>
      </c>
      <c r="C911" s="10" t="s">
        <v>8587</v>
      </c>
      <c r="D911" s="10" t="s">
        <v>1936</v>
      </c>
      <c r="E911" s="10" t="s">
        <v>8588</v>
      </c>
      <c r="F911" s="10" t="s">
        <v>8589</v>
      </c>
      <c r="G911" s="10" t="s">
        <v>8590</v>
      </c>
      <c r="H911" s="10" t="s">
        <v>8587</v>
      </c>
      <c r="I911" s="11">
        <v>45841</v>
      </c>
    </row>
    <row r="912" spans="1:9" x14ac:dyDescent="0.2">
      <c r="A912" s="10">
        <v>1449</v>
      </c>
      <c r="B912" s="10" t="s">
        <v>707</v>
      </c>
      <c r="C912" s="10" t="s">
        <v>708</v>
      </c>
      <c r="D912" s="10" t="s">
        <v>709</v>
      </c>
      <c r="E912" s="10" t="s">
        <v>710</v>
      </c>
      <c r="F912" s="10" t="s">
        <v>711</v>
      </c>
      <c r="G912" s="10" t="s">
        <v>712</v>
      </c>
      <c r="H912" s="10" t="s">
        <v>708</v>
      </c>
      <c r="I912" s="11">
        <v>45823</v>
      </c>
    </row>
    <row r="913" spans="1:9" x14ac:dyDescent="0.2">
      <c r="A913" s="10">
        <v>2046</v>
      </c>
      <c r="B913" s="10" t="s">
        <v>1771</v>
      </c>
      <c r="C913" s="10" t="s">
        <v>1772</v>
      </c>
      <c r="D913" s="10" t="s">
        <v>1773</v>
      </c>
      <c r="E913" s="10" t="s">
        <v>1774</v>
      </c>
      <c r="F913" s="10" t="s">
        <v>1775</v>
      </c>
      <c r="G913" s="10" t="s">
        <v>712</v>
      </c>
      <c r="H913" s="10" t="s">
        <v>1776</v>
      </c>
      <c r="I913" s="11">
        <v>45407</v>
      </c>
    </row>
    <row r="914" spans="1:9" x14ac:dyDescent="0.2">
      <c r="A914" s="10">
        <v>2498</v>
      </c>
      <c r="B914" s="10" t="s">
        <v>3095</v>
      </c>
      <c r="C914" s="10" t="s">
        <v>3096</v>
      </c>
      <c r="D914" s="10" t="s">
        <v>3097</v>
      </c>
      <c r="E914" s="10" t="s">
        <v>3098</v>
      </c>
      <c r="F914" s="10" t="s">
        <v>3099</v>
      </c>
      <c r="G914" s="10" t="s">
        <v>712</v>
      </c>
      <c r="H914" s="10" t="s">
        <v>3096</v>
      </c>
      <c r="I914" s="11">
        <v>44336</v>
      </c>
    </row>
    <row r="915" spans="1:9" x14ac:dyDescent="0.2">
      <c r="A915" s="13">
        <v>3527</v>
      </c>
      <c r="B915" s="10" t="s">
        <v>8757</v>
      </c>
      <c r="C915" s="10" t="s">
        <v>8758</v>
      </c>
      <c r="D915" s="10" t="s">
        <v>86</v>
      </c>
      <c r="E915" s="10" t="s">
        <v>8759</v>
      </c>
      <c r="F915" s="10" t="s">
        <v>8760</v>
      </c>
      <c r="G915" s="10" t="s">
        <v>8761</v>
      </c>
      <c r="H915" s="10" t="s">
        <v>8758</v>
      </c>
      <c r="I915" s="11">
        <v>45887</v>
      </c>
    </row>
    <row r="916" spans="1:9" x14ac:dyDescent="0.2">
      <c r="A916" s="10">
        <v>3403</v>
      </c>
      <c r="B916" s="10" t="s">
        <v>8055</v>
      </c>
      <c r="C916" s="10" t="s">
        <v>8056</v>
      </c>
      <c r="D916" s="10" t="s">
        <v>8057</v>
      </c>
      <c r="E916" s="10" t="s">
        <v>8058</v>
      </c>
      <c r="F916" s="10" t="s">
        <v>8059</v>
      </c>
      <c r="G916" s="10" t="s">
        <v>8060</v>
      </c>
      <c r="H916" s="10" t="s">
        <v>8056</v>
      </c>
      <c r="I916" s="11">
        <v>45719</v>
      </c>
    </row>
    <row r="917" spans="1:9" x14ac:dyDescent="0.2">
      <c r="A917" s="10">
        <v>2598</v>
      </c>
      <c r="B917" s="10" t="s">
        <v>3608</v>
      </c>
      <c r="C917" s="10" t="s">
        <v>35</v>
      </c>
      <c r="D917" s="10" t="s">
        <v>3609</v>
      </c>
      <c r="E917" s="10" t="s">
        <v>3610</v>
      </c>
      <c r="F917" s="10" t="s">
        <v>3611</v>
      </c>
      <c r="G917" s="10" t="s">
        <v>3612</v>
      </c>
      <c r="H917" s="10" t="s">
        <v>3613</v>
      </c>
      <c r="I917" s="11">
        <v>44532</v>
      </c>
    </row>
    <row r="918" spans="1:9" x14ac:dyDescent="0.2">
      <c r="A918" s="14">
        <v>3567</v>
      </c>
      <c r="B918" s="15" t="s">
        <v>8985</v>
      </c>
      <c r="C918" s="10" t="s">
        <v>8986</v>
      </c>
      <c r="D918" s="15" t="s">
        <v>4631</v>
      </c>
      <c r="E918" s="10" t="s">
        <v>8987</v>
      </c>
      <c r="F918" s="10" t="s">
        <v>8988</v>
      </c>
      <c r="G918" s="10" t="s">
        <v>8989</v>
      </c>
      <c r="H918" s="10" t="s">
        <v>8990</v>
      </c>
      <c r="I918" s="11">
        <v>45918</v>
      </c>
    </row>
    <row r="919" spans="1:9" x14ac:dyDescent="0.2">
      <c r="A919" s="10">
        <v>2464</v>
      </c>
      <c r="B919" s="10" t="s">
        <v>2908</v>
      </c>
      <c r="C919" s="10" t="s">
        <v>2909</v>
      </c>
      <c r="D919" s="10" t="s">
        <v>2910</v>
      </c>
      <c r="E919" s="10" t="s">
        <v>2911</v>
      </c>
      <c r="F919" s="10" t="s">
        <v>2912</v>
      </c>
      <c r="G919" s="10" t="s">
        <v>2913</v>
      </c>
      <c r="H919" s="10" t="s">
        <v>2914</v>
      </c>
      <c r="I919" s="11">
        <v>44305</v>
      </c>
    </row>
    <row r="920" spans="1:9" x14ac:dyDescent="0.2">
      <c r="A920" s="10">
        <v>2694</v>
      </c>
      <c r="B920" s="10" t="s">
        <v>4121</v>
      </c>
      <c r="C920" s="10" t="s">
        <v>4122</v>
      </c>
      <c r="D920" s="10" t="s">
        <v>4123</v>
      </c>
      <c r="E920" s="10" t="s">
        <v>4124</v>
      </c>
      <c r="F920" s="10" t="s">
        <v>4125</v>
      </c>
      <c r="G920" s="10" t="s">
        <v>4126</v>
      </c>
      <c r="H920" s="10" t="s">
        <v>4122</v>
      </c>
      <c r="I920" s="11">
        <v>44697</v>
      </c>
    </row>
    <row r="921" spans="1:9" x14ac:dyDescent="0.2">
      <c r="A921" s="10">
        <v>1584</v>
      </c>
      <c r="B921" s="10" t="s">
        <v>888</v>
      </c>
      <c r="C921" s="10" t="s">
        <v>889</v>
      </c>
      <c r="D921" s="10" t="s">
        <v>890</v>
      </c>
      <c r="E921" s="10" t="s">
        <v>891</v>
      </c>
      <c r="F921" s="10" t="s">
        <v>892</v>
      </c>
      <c r="G921" s="10" t="s">
        <v>893</v>
      </c>
      <c r="H921" s="10" t="s">
        <v>894</v>
      </c>
      <c r="I921" s="11">
        <v>44357</v>
      </c>
    </row>
    <row r="922" spans="1:9" x14ac:dyDescent="0.2">
      <c r="A922" s="10">
        <v>2734</v>
      </c>
      <c r="B922" s="10" t="s">
        <v>4326</v>
      </c>
      <c r="C922" s="10" t="s">
        <v>35</v>
      </c>
      <c r="D922" s="10" t="s">
        <v>4327</v>
      </c>
      <c r="E922" s="10" t="s">
        <v>4328</v>
      </c>
      <c r="F922" s="10" t="s">
        <v>4329</v>
      </c>
      <c r="G922" s="10" t="s">
        <v>4330</v>
      </c>
      <c r="H922" s="10" t="s">
        <v>4331</v>
      </c>
      <c r="I922" s="11">
        <v>44735</v>
      </c>
    </row>
    <row r="923" spans="1:9" x14ac:dyDescent="0.2">
      <c r="A923" s="10">
        <v>2112</v>
      </c>
      <c r="B923" s="10" t="s">
        <v>1865</v>
      </c>
      <c r="C923" s="10" t="s">
        <v>35</v>
      </c>
      <c r="D923" s="10" t="s">
        <v>1866</v>
      </c>
      <c r="E923" s="10" t="s">
        <v>1867</v>
      </c>
      <c r="F923" s="10" t="s">
        <v>1868</v>
      </c>
      <c r="G923" s="10" t="s">
        <v>1869</v>
      </c>
      <c r="H923" s="10" t="s">
        <v>1870</v>
      </c>
      <c r="I923" s="11">
        <v>45523</v>
      </c>
    </row>
    <row r="924" spans="1:9" x14ac:dyDescent="0.2">
      <c r="A924" s="10">
        <v>1233</v>
      </c>
      <c r="B924" s="10" t="s">
        <v>552</v>
      </c>
      <c r="C924" s="10" t="s">
        <v>553</v>
      </c>
      <c r="D924" s="10" t="s">
        <v>554</v>
      </c>
      <c r="E924" s="10" t="s">
        <v>555</v>
      </c>
      <c r="F924" s="10" t="s">
        <v>556</v>
      </c>
      <c r="G924" s="10" t="s">
        <v>557</v>
      </c>
      <c r="H924" s="10" t="s">
        <v>558</v>
      </c>
      <c r="I924" s="11">
        <v>45199</v>
      </c>
    </row>
    <row r="925" spans="1:9" x14ac:dyDescent="0.2">
      <c r="A925" s="10">
        <v>361</v>
      </c>
      <c r="B925" s="10" t="s">
        <v>129</v>
      </c>
      <c r="C925" s="10" t="s">
        <v>130</v>
      </c>
      <c r="D925" s="10" t="s">
        <v>131</v>
      </c>
      <c r="E925" s="10" t="s">
        <v>132</v>
      </c>
      <c r="F925" s="10" t="s">
        <v>133</v>
      </c>
      <c r="G925" s="10" t="s">
        <v>134</v>
      </c>
      <c r="H925" s="10" t="s">
        <v>135</v>
      </c>
      <c r="I925" s="11">
        <v>45167</v>
      </c>
    </row>
    <row r="926" spans="1:9" x14ac:dyDescent="0.2">
      <c r="A926" s="10">
        <v>1377</v>
      </c>
      <c r="B926" s="10" t="s">
        <v>652</v>
      </c>
      <c r="C926" s="10" t="s">
        <v>653</v>
      </c>
      <c r="D926" s="10" t="s">
        <v>654</v>
      </c>
      <c r="E926" s="10" t="s">
        <v>655</v>
      </c>
      <c r="F926" s="10" t="s">
        <v>656</v>
      </c>
      <c r="G926" s="10" t="s">
        <v>657</v>
      </c>
      <c r="H926" s="10" t="s">
        <v>653</v>
      </c>
      <c r="I926" s="11">
        <v>45622</v>
      </c>
    </row>
    <row r="927" spans="1:9" x14ac:dyDescent="0.2">
      <c r="A927" s="10">
        <v>2881</v>
      </c>
      <c r="B927" s="10" t="s">
        <v>5157</v>
      </c>
      <c r="C927" s="10" t="s">
        <v>5158</v>
      </c>
      <c r="D927" s="10" t="s">
        <v>5159</v>
      </c>
      <c r="E927" s="10" t="s">
        <v>5160</v>
      </c>
      <c r="F927" s="10" t="s">
        <v>5161</v>
      </c>
      <c r="G927" s="10" t="s">
        <v>5162</v>
      </c>
      <c r="H927" s="10" t="s">
        <v>5163</v>
      </c>
      <c r="I927" s="11">
        <v>45001</v>
      </c>
    </row>
    <row r="928" spans="1:9" x14ac:dyDescent="0.2">
      <c r="A928" s="10">
        <v>2810</v>
      </c>
      <c r="B928" s="10" t="s">
        <v>4765</v>
      </c>
      <c r="C928" s="10" t="s">
        <v>4766</v>
      </c>
      <c r="D928" s="10" t="s">
        <v>144</v>
      </c>
      <c r="E928" s="10" t="s">
        <v>4252</v>
      </c>
      <c r="F928" s="10" t="s">
        <v>4253</v>
      </c>
      <c r="G928" s="10" t="s">
        <v>4767</v>
      </c>
      <c r="H928" s="10" t="s">
        <v>4255</v>
      </c>
      <c r="I928" s="11">
        <v>44900</v>
      </c>
    </row>
    <row r="929" spans="1:9" x14ac:dyDescent="0.2">
      <c r="A929" s="10">
        <v>2720</v>
      </c>
      <c r="B929" s="10" t="s">
        <v>4251</v>
      </c>
      <c r="C929" s="10" t="s">
        <v>35</v>
      </c>
      <c r="D929" s="10" t="s">
        <v>144</v>
      </c>
      <c r="E929" s="10" t="s">
        <v>4252</v>
      </c>
      <c r="F929" s="10" t="s">
        <v>4253</v>
      </c>
      <c r="G929" s="10" t="s">
        <v>4254</v>
      </c>
      <c r="H929" s="10" t="s">
        <v>4255</v>
      </c>
      <c r="I929" s="11">
        <v>44732</v>
      </c>
    </row>
    <row r="930" spans="1:9" x14ac:dyDescent="0.2">
      <c r="A930" s="13">
        <v>3454</v>
      </c>
      <c r="B930" s="10" t="s">
        <v>8344</v>
      </c>
      <c r="C930" s="10" t="s">
        <v>8345</v>
      </c>
      <c r="D930" s="10" t="s">
        <v>8346</v>
      </c>
      <c r="E930" s="10" t="s">
        <v>8347</v>
      </c>
      <c r="F930" s="10" t="s">
        <v>8348</v>
      </c>
      <c r="G930" s="10" t="s">
        <v>8349</v>
      </c>
      <c r="H930" s="10" t="s">
        <v>8345</v>
      </c>
      <c r="I930" s="11">
        <v>45789</v>
      </c>
    </row>
    <row r="931" spans="1:9" x14ac:dyDescent="0.2">
      <c r="A931" s="10">
        <v>1120</v>
      </c>
      <c r="B931" s="10" t="s">
        <v>438</v>
      </c>
      <c r="C931" s="10" t="s">
        <v>439</v>
      </c>
      <c r="D931" s="10" t="s">
        <v>440</v>
      </c>
      <c r="E931" s="10" t="s">
        <v>441</v>
      </c>
      <c r="F931" s="10" t="s">
        <v>442</v>
      </c>
      <c r="G931" s="10" t="s">
        <v>443</v>
      </c>
      <c r="H931" s="10" t="s">
        <v>439</v>
      </c>
      <c r="I931" s="11">
        <v>44824</v>
      </c>
    </row>
    <row r="932" spans="1:9" x14ac:dyDescent="0.2">
      <c r="A932" s="10">
        <v>3294</v>
      </c>
      <c r="B932" s="10" t="s">
        <v>7419</v>
      </c>
      <c r="C932" s="10" t="s">
        <v>7420</v>
      </c>
      <c r="D932" s="10" t="s">
        <v>7421</v>
      </c>
      <c r="E932" s="10" t="s">
        <v>7422</v>
      </c>
      <c r="F932" s="10" t="s">
        <v>7423</v>
      </c>
      <c r="G932" s="10" t="s">
        <v>7424</v>
      </c>
      <c r="H932" s="10" t="s">
        <v>7425</v>
      </c>
      <c r="I932" s="11">
        <v>45561</v>
      </c>
    </row>
    <row r="933" spans="1:9" x14ac:dyDescent="0.2">
      <c r="A933" s="10">
        <v>1383</v>
      </c>
      <c r="B933" s="10" t="s">
        <v>663</v>
      </c>
      <c r="C933" s="10" t="s">
        <v>664</v>
      </c>
      <c r="D933" s="10" t="s">
        <v>665</v>
      </c>
      <c r="E933" s="10" t="s">
        <v>666</v>
      </c>
      <c r="F933" s="10" t="s">
        <v>667</v>
      </c>
      <c r="G933" s="10" t="s">
        <v>668</v>
      </c>
      <c r="H933" s="10" t="s">
        <v>669</v>
      </c>
      <c r="I933" s="11">
        <v>45636</v>
      </c>
    </row>
    <row r="934" spans="1:9" x14ac:dyDescent="0.2">
      <c r="A934" s="10">
        <v>1890</v>
      </c>
      <c r="B934" s="10" t="s">
        <v>1477</v>
      </c>
      <c r="C934" s="10" t="s">
        <v>1478</v>
      </c>
      <c r="D934" s="10" t="s">
        <v>1479</v>
      </c>
      <c r="E934" s="10" t="s">
        <v>1480</v>
      </c>
      <c r="F934" s="10" t="s">
        <v>1481</v>
      </c>
      <c r="G934" s="10" t="s">
        <v>1482</v>
      </c>
      <c r="H934" s="10" t="s">
        <v>1483</v>
      </c>
      <c r="I934" s="11">
        <v>45021</v>
      </c>
    </row>
    <row r="935" spans="1:9" x14ac:dyDescent="0.2">
      <c r="A935" s="10">
        <v>2865</v>
      </c>
      <c r="B935" s="10" t="s">
        <v>5062</v>
      </c>
      <c r="C935" s="10" t="s">
        <v>5063</v>
      </c>
      <c r="D935" s="10" t="s">
        <v>5064</v>
      </c>
      <c r="E935" s="10" t="s">
        <v>5065</v>
      </c>
      <c r="F935" s="10" t="s">
        <v>5066</v>
      </c>
      <c r="G935" s="10" t="s">
        <v>1482</v>
      </c>
      <c r="H935" s="10" t="s">
        <v>5063</v>
      </c>
      <c r="I935" s="11">
        <v>44973</v>
      </c>
    </row>
    <row r="936" spans="1:9" x14ac:dyDescent="0.2">
      <c r="A936" s="10">
        <v>2596</v>
      </c>
      <c r="B936" s="10" t="s">
        <v>3596</v>
      </c>
      <c r="C936" s="10" t="s">
        <v>3597</v>
      </c>
      <c r="D936" s="10" t="s">
        <v>3598</v>
      </c>
      <c r="E936" s="10" t="s">
        <v>3599</v>
      </c>
      <c r="F936" s="10" t="s">
        <v>3600</v>
      </c>
      <c r="G936" s="10" t="s">
        <v>3601</v>
      </c>
      <c r="H936" s="10" t="s">
        <v>3597</v>
      </c>
      <c r="I936" s="11">
        <v>44536</v>
      </c>
    </row>
    <row r="937" spans="1:9" x14ac:dyDescent="0.2">
      <c r="A937" s="10">
        <v>2144</v>
      </c>
      <c r="B937" s="10" t="s">
        <v>1940</v>
      </c>
      <c r="C937" s="10" t="s">
        <v>1941</v>
      </c>
      <c r="D937" s="10" t="s">
        <v>1942</v>
      </c>
      <c r="E937" s="10" t="s">
        <v>1943</v>
      </c>
      <c r="F937" s="10" t="s">
        <v>1944</v>
      </c>
      <c r="G937" s="10" t="s">
        <v>1945</v>
      </c>
      <c r="H937" s="10" t="s">
        <v>1941</v>
      </c>
      <c r="I937" s="11">
        <v>45593</v>
      </c>
    </row>
    <row r="938" spans="1:9" x14ac:dyDescent="0.2">
      <c r="A938" s="10">
        <v>3392</v>
      </c>
      <c r="B938" s="10" t="s">
        <v>7992</v>
      </c>
      <c r="C938" s="10" t="s">
        <v>7993</v>
      </c>
      <c r="D938" s="10" t="s">
        <v>2437</v>
      </c>
      <c r="E938" s="10" t="s">
        <v>7994</v>
      </c>
      <c r="F938" s="10" t="s">
        <v>7995</v>
      </c>
      <c r="G938" s="10" t="s">
        <v>7996</v>
      </c>
      <c r="H938" s="10" t="s">
        <v>7993</v>
      </c>
      <c r="I938" s="11">
        <v>45687</v>
      </c>
    </row>
    <row r="939" spans="1:9" x14ac:dyDescent="0.2">
      <c r="A939" s="13">
        <v>3536</v>
      </c>
      <c r="B939" s="10" t="s">
        <v>8806</v>
      </c>
      <c r="C939" s="10" t="s">
        <v>8807</v>
      </c>
      <c r="D939" s="10" t="s">
        <v>8808</v>
      </c>
      <c r="E939" s="10" t="s">
        <v>8809</v>
      </c>
      <c r="F939" s="10" t="s">
        <v>8810</v>
      </c>
      <c r="G939" s="10" t="s">
        <v>8811</v>
      </c>
      <c r="H939" s="10" t="s">
        <v>8807</v>
      </c>
      <c r="I939" s="11">
        <v>45897</v>
      </c>
    </row>
    <row r="940" spans="1:9" x14ac:dyDescent="0.2">
      <c r="A940" s="10">
        <v>1174</v>
      </c>
      <c r="B940" s="10" t="s">
        <v>500</v>
      </c>
      <c r="C940" s="10" t="s">
        <v>501</v>
      </c>
      <c r="D940" s="10" t="s">
        <v>502</v>
      </c>
      <c r="E940" s="10" t="s">
        <v>503</v>
      </c>
      <c r="F940" s="10" t="s">
        <v>504</v>
      </c>
      <c r="G940" s="10" t="s">
        <v>505</v>
      </c>
      <c r="H940" s="10" t="s">
        <v>501</v>
      </c>
      <c r="I940" s="11">
        <v>45003</v>
      </c>
    </row>
    <row r="941" spans="1:9" x14ac:dyDescent="0.2">
      <c r="A941" s="10">
        <v>1381</v>
      </c>
      <c r="B941" s="10" t="s">
        <v>658</v>
      </c>
      <c r="C941" s="10" t="s">
        <v>501</v>
      </c>
      <c r="D941" s="10" t="s">
        <v>659</v>
      </c>
      <c r="E941" s="10" t="s">
        <v>660</v>
      </c>
      <c r="F941" s="10" t="s">
        <v>661</v>
      </c>
      <c r="G941" s="10" t="s">
        <v>662</v>
      </c>
      <c r="H941" s="10" t="s">
        <v>501</v>
      </c>
      <c r="I941" s="11">
        <v>45747</v>
      </c>
    </row>
    <row r="942" spans="1:9" x14ac:dyDescent="0.2">
      <c r="A942" s="10">
        <v>972</v>
      </c>
      <c r="B942" s="10" t="s">
        <v>347</v>
      </c>
      <c r="C942" s="10" t="s">
        <v>348</v>
      </c>
      <c r="D942" s="10" t="s">
        <v>349</v>
      </c>
      <c r="E942" s="10" t="s">
        <v>350</v>
      </c>
      <c r="F942" s="10" t="s">
        <v>351</v>
      </c>
      <c r="G942" s="10" t="s">
        <v>352</v>
      </c>
      <c r="H942" s="10" t="s">
        <v>348</v>
      </c>
      <c r="I942" s="11">
        <v>44251</v>
      </c>
    </row>
    <row r="943" spans="1:9" x14ac:dyDescent="0.2">
      <c r="A943" s="13">
        <v>3543</v>
      </c>
      <c r="B943" s="10" t="s">
        <v>8842</v>
      </c>
      <c r="C943" s="10" t="s">
        <v>8843</v>
      </c>
      <c r="D943" s="10" t="s">
        <v>8747</v>
      </c>
      <c r="E943" s="10" t="s">
        <v>8844</v>
      </c>
      <c r="F943" s="10" t="s">
        <v>8845</v>
      </c>
      <c r="G943" s="10" t="s">
        <v>8846</v>
      </c>
      <c r="H943" s="10" t="s">
        <v>8843</v>
      </c>
      <c r="I943" s="11">
        <v>45904</v>
      </c>
    </row>
    <row r="944" spans="1:9" x14ac:dyDescent="0.2">
      <c r="A944" s="10">
        <v>2548</v>
      </c>
      <c r="B944" s="10" t="s">
        <v>3344</v>
      </c>
      <c r="C944" s="10" t="s">
        <v>3345</v>
      </c>
      <c r="D944" s="10" t="s">
        <v>3346</v>
      </c>
      <c r="E944" s="10" t="s">
        <v>3347</v>
      </c>
      <c r="F944" s="10" t="s">
        <v>3348</v>
      </c>
      <c r="G944" s="10" t="s">
        <v>3349</v>
      </c>
      <c r="H944" s="10" t="s">
        <v>3350</v>
      </c>
      <c r="I944" s="11">
        <v>44466</v>
      </c>
    </row>
    <row r="945" spans="1:9" x14ac:dyDescent="0.2">
      <c r="A945" s="14">
        <v>3577</v>
      </c>
      <c r="B945" s="15" t="s">
        <v>9034</v>
      </c>
      <c r="C945" s="10" t="s">
        <v>9035</v>
      </c>
      <c r="D945" s="15" t="s">
        <v>118</v>
      </c>
      <c r="E945" s="10" t="s">
        <v>9036</v>
      </c>
      <c r="F945" s="10" t="s">
        <v>9037</v>
      </c>
      <c r="G945" s="10" t="s">
        <v>9038</v>
      </c>
      <c r="H945" s="10" t="s">
        <v>9039</v>
      </c>
      <c r="I945" s="11">
        <v>45939</v>
      </c>
    </row>
    <row r="946" spans="1:9" x14ac:dyDescent="0.2">
      <c r="A946" s="10">
        <v>3218</v>
      </c>
      <c r="B946" s="10" t="s">
        <v>6996</v>
      </c>
      <c r="C946" s="10" t="s">
        <v>6997</v>
      </c>
      <c r="D946" s="10" t="s">
        <v>6998</v>
      </c>
      <c r="E946" s="10" t="s">
        <v>6999</v>
      </c>
      <c r="F946" s="10" t="s">
        <v>7000</v>
      </c>
      <c r="G946" s="10" t="s">
        <v>7001</v>
      </c>
      <c r="H946" s="10" t="s">
        <v>6997</v>
      </c>
      <c r="I946" s="11">
        <v>45446</v>
      </c>
    </row>
    <row r="947" spans="1:9" x14ac:dyDescent="0.2">
      <c r="A947" s="10">
        <v>2994</v>
      </c>
      <c r="B947" s="10" t="s">
        <v>5778</v>
      </c>
      <c r="C947" s="10" t="s">
        <v>5779</v>
      </c>
      <c r="D947" s="10" t="s">
        <v>5780</v>
      </c>
      <c r="E947" s="10" t="s">
        <v>5781</v>
      </c>
      <c r="F947" s="10" t="s">
        <v>5782</v>
      </c>
      <c r="G947" s="10" t="s">
        <v>5783</v>
      </c>
      <c r="H947" s="10" t="s">
        <v>5784</v>
      </c>
      <c r="I947" s="11">
        <v>45162</v>
      </c>
    </row>
    <row r="948" spans="1:9" x14ac:dyDescent="0.2">
      <c r="A948" s="10">
        <v>1238</v>
      </c>
      <c r="B948" s="10" t="s">
        <v>559</v>
      </c>
      <c r="C948" s="10" t="s">
        <v>560</v>
      </c>
      <c r="D948" s="10" t="s">
        <v>561</v>
      </c>
      <c r="E948" s="10" t="s">
        <v>562</v>
      </c>
      <c r="F948" s="10" t="s">
        <v>563</v>
      </c>
      <c r="G948" s="10" t="s">
        <v>564</v>
      </c>
      <c r="H948" s="10" t="s">
        <v>565</v>
      </c>
      <c r="I948" s="11">
        <v>45222</v>
      </c>
    </row>
    <row r="949" spans="1:9" x14ac:dyDescent="0.2">
      <c r="A949" s="10">
        <v>3159</v>
      </c>
      <c r="B949" s="10" t="s">
        <v>6697</v>
      </c>
      <c r="C949" s="10" t="s">
        <v>6698</v>
      </c>
      <c r="D949" s="10" t="s">
        <v>6699</v>
      </c>
      <c r="E949" s="10" t="s">
        <v>6700</v>
      </c>
      <c r="F949" s="10" t="s">
        <v>6701</v>
      </c>
      <c r="G949" s="10" t="s">
        <v>6702</v>
      </c>
      <c r="H949" s="10" t="s">
        <v>6698</v>
      </c>
      <c r="I949" s="11">
        <v>45379</v>
      </c>
    </row>
    <row r="950" spans="1:9" x14ac:dyDescent="0.2">
      <c r="A950" s="10">
        <v>3380</v>
      </c>
      <c r="B950" s="10" t="s">
        <v>7926</v>
      </c>
      <c r="C950" s="10" t="s">
        <v>7927</v>
      </c>
      <c r="D950" s="10" t="s">
        <v>7928</v>
      </c>
      <c r="E950" s="10" t="s">
        <v>7929</v>
      </c>
      <c r="F950" s="10" t="s">
        <v>7930</v>
      </c>
      <c r="G950" s="10" t="s">
        <v>7931</v>
      </c>
      <c r="H950" s="10" t="s">
        <v>7927</v>
      </c>
      <c r="I950" s="11">
        <v>45666</v>
      </c>
    </row>
    <row r="951" spans="1:9" x14ac:dyDescent="0.2">
      <c r="A951" s="10">
        <v>2372</v>
      </c>
      <c r="B951" s="10" t="s">
        <v>2435</v>
      </c>
      <c r="C951" s="10" t="s">
        <v>2436</v>
      </c>
      <c r="D951" s="10" t="s">
        <v>2437</v>
      </c>
      <c r="E951" s="10" t="s">
        <v>2438</v>
      </c>
      <c r="F951" s="10" t="s">
        <v>2439</v>
      </c>
      <c r="G951" s="10" t="s">
        <v>2440</v>
      </c>
      <c r="H951" s="10" t="s">
        <v>2436</v>
      </c>
      <c r="I951" s="11">
        <v>46029</v>
      </c>
    </row>
    <row r="952" spans="1:9" x14ac:dyDescent="0.2">
      <c r="A952" s="10">
        <v>2943</v>
      </c>
      <c r="B952" s="10" t="s">
        <v>5502</v>
      </c>
      <c r="C952" s="10" t="s">
        <v>5503</v>
      </c>
      <c r="D952" s="10" t="s">
        <v>1936</v>
      </c>
      <c r="E952" s="10" t="s">
        <v>5504</v>
      </c>
      <c r="F952" s="10" t="s">
        <v>5505</v>
      </c>
      <c r="G952" s="10" t="s">
        <v>5506</v>
      </c>
      <c r="H952" s="10" t="s">
        <v>5503</v>
      </c>
      <c r="I952" s="11">
        <v>45078</v>
      </c>
    </row>
    <row r="953" spans="1:9" x14ac:dyDescent="0.2">
      <c r="A953" s="10">
        <v>2949</v>
      </c>
      <c r="B953" s="10" t="s">
        <v>5530</v>
      </c>
      <c r="C953" s="10" t="s">
        <v>5531</v>
      </c>
      <c r="D953" s="10" t="s">
        <v>2534</v>
      </c>
      <c r="E953" s="10" t="s">
        <v>5532</v>
      </c>
      <c r="F953" s="10" t="s">
        <v>5533</v>
      </c>
      <c r="G953" s="10" t="s">
        <v>5534</v>
      </c>
      <c r="H953" s="10" t="s">
        <v>5535</v>
      </c>
      <c r="I953" s="11">
        <v>45096</v>
      </c>
    </row>
    <row r="954" spans="1:9" x14ac:dyDescent="0.2">
      <c r="A954" s="10">
        <v>3005</v>
      </c>
      <c r="B954" s="10" t="s">
        <v>5846</v>
      </c>
      <c r="C954" s="10" t="s">
        <v>5847</v>
      </c>
      <c r="D954" s="10" t="s">
        <v>752</v>
      </c>
      <c r="E954" s="10" t="s">
        <v>5848</v>
      </c>
      <c r="F954" s="10" t="s">
        <v>5849</v>
      </c>
      <c r="G954" s="10" t="s">
        <v>5850</v>
      </c>
      <c r="H954" s="10" t="s">
        <v>5851</v>
      </c>
      <c r="I954" s="11">
        <v>45180</v>
      </c>
    </row>
    <row r="955" spans="1:9" x14ac:dyDescent="0.2">
      <c r="A955" s="10">
        <v>3047</v>
      </c>
      <c r="B955" s="10" t="s">
        <v>6084</v>
      </c>
      <c r="C955" s="10" t="s">
        <v>6085</v>
      </c>
      <c r="D955" s="10" t="s">
        <v>6086</v>
      </c>
      <c r="E955" s="10" t="s">
        <v>6087</v>
      </c>
      <c r="F955" s="10" t="s">
        <v>6088</v>
      </c>
      <c r="G955" s="10" t="s">
        <v>6089</v>
      </c>
      <c r="H955" s="10" t="s">
        <v>6090</v>
      </c>
      <c r="I955" s="11">
        <v>45257</v>
      </c>
    </row>
    <row r="956" spans="1:9" x14ac:dyDescent="0.2">
      <c r="A956" s="10">
        <v>2541</v>
      </c>
      <c r="B956" s="10" t="s">
        <v>3297</v>
      </c>
      <c r="C956" s="10" t="s">
        <v>35</v>
      </c>
      <c r="D956" s="10" t="s">
        <v>3298</v>
      </c>
      <c r="E956" s="10" t="s">
        <v>3299</v>
      </c>
      <c r="F956" s="10" t="s">
        <v>3300</v>
      </c>
      <c r="G956" s="10" t="s">
        <v>3301</v>
      </c>
      <c r="H956" s="10" t="s">
        <v>3302</v>
      </c>
      <c r="I956" s="11">
        <v>44480</v>
      </c>
    </row>
    <row r="957" spans="1:9" x14ac:dyDescent="0.2">
      <c r="A957" s="10">
        <v>3000</v>
      </c>
      <c r="B957" s="10" t="s">
        <v>5815</v>
      </c>
      <c r="C957" s="10" t="s">
        <v>5816</v>
      </c>
      <c r="D957" s="10" t="s">
        <v>3699</v>
      </c>
      <c r="E957" s="10" t="s">
        <v>5817</v>
      </c>
      <c r="F957" s="10" t="s">
        <v>5818</v>
      </c>
      <c r="G957" s="10" t="s">
        <v>5819</v>
      </c>
      <c r="H957" s="10" t="s">
        <v>5820</v>
      </c>
      <c r="I957" s="11">
        <v>45176</v>
      </c>
    </row>
    <row r="958" spans="1:9" x14ac:dyDescent="0.2">
      <c r="A958" s="10">
        <v>2616</v>
      </c>
      <c r="B958" s="10" t="s">
        <v>3709</v>
      </c>
      <c r="C958" s="10" t="s">
        <v>3710</v>
      </c>
      <c r="D958" s="10" t="s">
        <v>3711</v>
      </c>
      <c r="E958" s="10" t="s">
        <v>3712</v>
      </c>
      <c r="F958" s="10" t="s">
        <v>3713</v>
      </c>
      <c r="G958" s="10" t="s">
        <v>3714</v>
      </c>
      <c r="H958" s="10" t="s">
        <v>3710</v>
      </c>
      <c r="I958" s="11">
        <v>44572</v>
      </c>
    </row>
    <row r="959" spans="1:9" x14ac:dyDescent="0.2">
      <c r="A959" s="14">
        <v>3563</v>
      </c>
      <c r="B959" s="15" t="s">
        <v>8960</v>
      </c>
      <c r="C959" s="10" t="s">
        <v>8961</v>
      </c>
      <c r="D959" s="15" t="s">
        <v>4408</v>
      </c>
      <c r="E959" s="10" t="s">
        <v>8962</v>
      </c>
      <c r="F959" s="10" t="s">
        <v>8963</v>
      </c>
      <c r="G959" s="10" t="s">
        <v>8964</v>
      </c>
      <c r="H959" s="10" t="s">
        <v>8961</v>
      </c>
      <c r="I959" s="11">
        <v>45932</v>
      </c>
    </row>
    <row r="960" spans="1:9" x14ac:dyDescent="0.2">
      <c r="A960" s="13">
        <v>3520</v>
      </c>
      <c r="B960" s="10" t="s">
        <v>8712</v>
      </c>
      <c r="C960" s="10" t="s">
        <v>8713</v>
      </c>
      <c r="D960" s="10" t="s">
        <v>8714</v>
      </c>
      <c r="E960" s="10" t="s">
        <v>8715</v>
      </c>
      <c r="F960" s="10" t="s">
        <v>8716</v>
      </c>
      <c r="G960" s="10" t="s">
        <v>8717</v>
      </c>
      <c r="H960" s="10" t="s">
        <v>8718</v>
      </c>
      <c r="I960" s="11">
        <v>45852</v>
      </c>
    </row>
    <row r="961" spans="1:9" x14ac:dyDescent="0.2">
      <c r="A961" s="10">
        <v>3127</v>
      </c>
      <c r="B961" s="10" t="s">
        <v>6522</v>
      </c>
      <c r="C961" s="10" t="s">
        <v>6523</v>
      </c>
      <c r="D961" s="10" t="s">
        <v>6524</v>
      </c>
      <c r="E961" s="10" t="s">
        <v>6525</v>
      </c>
      <c r="F961" s="10" t="s">
        <v>6526</v>
      </c>
      <c r="G961" s="10" t="s">
        <v>6527</v>
      </c>
      <c r="H961" s="10" t="s">
        <v>6528</v>
      </c>
      <c r="I961" s="11">
        <v>45330</v>
      </c>
    </row>
    <row r="962" spans="1:9" x14ac:dyDescent="0.2">
      <c r="A962" s="10">
        <v>2378</v>
      </c>
      <c r="B962" s="10" t="s">
        <v>2461</v>
      </c>
      <c r="C962" s="10" t="s">
        <v>2462</v>
      </c>
      <c r="D962" s="10" t="s">
        <v>2463</v>
      </c>
      <c r="E962" s="10" t="s">
        <v>2464</v>
      </c>
      <c r="F962" s="10" t="s">
        <v>2465</v>
      </c>
      <c r="G962" s="10" t="s">
        <v>2466</v>
      </c>
      <c r="H962" s="10" t="s">
        <v>2462</v>
      </c>
      <c r="I962" s="11">
        <v>46029</v>
      </c>
    </row>
    <row r="963" spans="1:9" x14ac:dyDescent="0.2">
      <c r="A963" s="13">
        <v>3430</v>
      </c>
      <c r="B963" s="10" t="s">
        <v>8214</v>
      </c>
      <c r="C963" s="10" t="s">
        <v>8215</v>
      </c>
      <c r="D963" s="10" t="s">
        <v>8163</v>
      </c>
      <c r="E963" s="10" t="s">
        <v>8216</v>
      </c>
      <c r="F963" s="10" t="s">
        <v>8217</v>
      </c>
      <c r="G963" s="10" t="s">
        <v>8218</v>
      </c>
      <c r="H963" s="10" t="s">
        <v>8219</v>
      </c>
      <c r="I963" s="11">
        <v>45747</v>
      </c>
    </row>
    <row r="964" spans="1:9" x14ac:dyDescent="0.2">
      <c r="A964" s="10">
        <v>2786</v>
      </c>
      <c r="B964" s="10" t="s">
        <v>4623</v>
      </c>
      <c r="C964" s="10" t="s">
        <v>4624</v>
      </c>
      <c r="D964" s="10" t="s">
        <v>4625</v>
      </c>
      <c r="E964" s="10" t="s">
        <v>4626</v>
      </c>
      <c r="F964" s="10" t="s">
        <v>4627</v>
      </c>
      <c r="G964" s="10" t="s">
        <v>4628</v>
      </c>
      <c r="H964" s="10" t="s">
        <v>4622</v>
      </c>
      <c r="I964" s="11">
        <v>44816</v>
      </c>
    </row>
    <row r="965" spans="1:9" x14ac:dyDescent="0.2">
      <c r="A965" s="10">
        <v>2383</v>
      </c>
      <c r="B965" s="10" t="s">
        <v>2486</v>
      </c>
      <c r="C965" s="10" t="s">
        <v>2487</v>
      </c>
      <c r="D965" s="10" t="s">
        <v>2488</v>
      </c>
      <c r="E965" s="10" t="s">
        <v>2489</v>
      </c>
      <c r="F965" s="10" t="s">
        <v>2490</v>
      </c>
      <c r="G965" s="10" t="s">
        <v>2491</v>
      </c>
      <c r="H965" s="10" t="s">
        <v>2487</v>
      </c>
      <c r="I965" s="11">
        <v>44203</v>
      </c>
    </row>
    <row r="966" spans="1:9" x14ac:dyDescent="0.2">
      <c r="A966" s="10">
        <v>2641</v>
      </c>
      <c r="B966" s="10" t="s">
        <v>3842</v>
      </c>
      <c r="C966" s="10" t="s">
        <v>3843</v>
      </c>
      <c r="D966" s="10" t="s">
        <v>3844</v>
      </c>
      <c r="E966" s="10" t="s">
        <v>3845</v>
      </c>
      <c r="F966" s="10" t="s">
        <v>3846</v>
      </c>
      <c r="G966" s="10" t="s">
        <v>3847</v>
      </c>
      <c r="H966" s="10" t="s">
        <v>3843</v>
      </c>
      <c r="I966" s="11">
        <v>44585</v>
      </c>
    </row>
    <row r="967" spans="1:9" x14ac:dyDescent="0.2">
      <c r="A967" s="10">
        <v>2467</v>
      </c>
      <c r="B967" s="10" t="s">
        <v>2929</v>
      </c>
      <c r="C967" s="10" t="s">
        <v>2930</v>
      </c>
      <c r="D967" s="10" t="s">
        <v>2931</v>
      </c>
      <c r="E967" s="10" t="s">
        <v>2932</v>
      </c>
      <c r="F967" s="10" t="s">
        <v>2933</v>
      </c>
      <c r="G967" s="10" t="s">
        <v>2934</v>
      </c>
      <c r="H967" s="10" t="s">
        <v>2935</v>
      </c>
      <c r="I967" s="11">
        <v>44305</v>
      </c>
    </row>
    <row r="968" spans="1:9" x14ac:dyDescent="0.2">
      <c r="A968" s="14">
        <v>3550</v>
      </c>
      <c r="B968" s="15" t="s">
        <v>8881</v>
      </c>
      <c r="C968" s="10" t="s">
        <v>8882</v>
      </c>
      <c r="D968" s="15" t="s">
        <v>7100</v>
      </c>
      <c r="E968" s="10" t="s">
        <v>8883</v>
      </c>
      <c r="F968" s="10" t="s">
        <v>8884</v>
      </c>
      <c r="G968" s="10" t="s">
        <v>8885</v>
      </c>
      <c r="H968" s="10" t="s">
        <v>8882</v>
      </c>
      <c r="I968" s="11">
        <v>45911</v>
      </c>
    </row>
    <row r="969" spans="1:9" x14ac:dyDescent="0.2">
      <c r="A969" s="10">
        <v>1476</v>
      </c>
      <c r="B969" s="10" t="s">
        <v>726</v>
      </c>
      <c r="C969" s="10" t="s">
        <v>727</v>
      </c>
      <c r="D969" s="10" t="s">
        <v>728</v>
      </c>
      <c r="E969" s="10" t="s">
        <v>729</v>
      </c>
      <c r="F969" s="10" t="s">
        <v>730</v>
      </c>
      <c r="G969" s="10" t="s">
        <v>731</v>
      </c>
      <c r="H969" s="10" t="s">
        <v>732</v>
      </c>
      <c r="I969" s="11">
        <v>45914</v>
      </c>
    </row>
    <row r="970" spans="1:9" x14ac:dyDescent="0.2">
      <c r="A970" s="10">
        <v>1846</v>
      </c>
      <c r="B970" s="10" t="s">
        <v>1365</v>
      </c>
      <c r="C970" s="10" t="s">
        <v>1366</v>
      </c>
      <c r="D970" s="10" t="s">
        <v>1367</v>
      </c>
      <c r="E970" s="10" t="s">
        <v>1368</v>
      </c>
      <c r="F970" s="10" t="s">
        <v>1369</v>
      </c>
      <c r="G970" s="10" t="s">
        <v>1370</v>
      </c>
      <c r="H970" s="10" t="s">
        <v>1371</v>
      </c>
      <c r="I970" s="11">
        <v>44948</v>
      </c>
    </row>
    <row r="971" spans="1:9" x14ac:dyDescent="0.2">
      <c r="A971" s="10">
        <v>1567</v>
      </c>
      <c r="B971" s="10" t="s">
        <v>858</v>
      </c>
      <c r="C971" s="10" t="s">
        <v>859</v>
      </c>
      <c r="D971" s="10" t="s">
        <v>860</v>
      </c>
      <c r="E971" s="10" t="s">
        <v>861</v>
      </c>
      <c r="F971" s="10" t="s">
        <v>862</v>
      </c>
      <c r="G971" s="10" t="s">
        <v>863</v>
      </c>
      <c r="H971" s="10" t="s">
        <v>859</v>
      </c>
      <c r="I971" s="11">
        <v>44328</v>
      </c>
    </row>
    <row r="972" spans="1:9" x14ac:dyDescent="0.2">
      <c r="A972" s="10">
        <v>2033</v>
      </c>
      <c r="B972" s="10" t="s">
        <v>1740</v>
      </c>
      <c r="C972" s="10" t="s">
        <v>1741</v>
      </c>
      <c r="D972" s="10" t="s">
        <v>1742</v>
      </c>
      <c r="E972" s="10" t="s">
        <v>1743</v>
      </c>
      <c r="F972" s="10" t="s">
        <v>1744</v>
      </c>
      <c r="G972" s="10" t="s">
        <v>1745</v>
      </c>
      <c r="H972" s="10" t="s">
        <v>1746</v>
      </c>
      <c r="I972" s="11">
        <v>45397</v>
      </c>
    </row>
    <row r="973" spans="1:9" x14ac:dyDescent="0.2">
      <c r="A973" s="10">
        <v>2930</v>
      </c>
      <c r="B973" s="10" t="s">
        <v>5430</v>
      </c>
      <c r="C973" s="10" t="s">
        <v>5431</v>
      </c>
      <c r="D973" s="10" t="s">
        <v>5432</v>
      </c>
      <c r="E973" s="10" t="s">
        <v>5433</v>
      </c>
      <c r="F973" s="10" t="s">
        <v>5434</v>
      </c>
      <c r="G973" s="10" t="s">
        <v>5435</v>
      </c>
      <c r="H973" s="10" t="s">
        <v>5436</v>
      </c>
      <c r="I973" s="11">
        <v>45071</v>
      </c>
    </row>
    <row r="974" spans="1:9" x14ac:dyDescent="0.2">
      <c r="A974" s="10">
        <v>1801</v>
      </c>
      <c r="B974" s="10" t="s">
        <v>1292</v>
      </c>
      <c r="C974" s="10" t="s">
        <v>35</v>
      </c>
      <c r="D974" s="10" t="s">
        <v>1293</v>
      </c>
      <c r="E974" s="10" t="s">
        <v>1294</v>
      </c>
      <c r="F974" s="10" t="s">
        <v>1295</v>
      </c>
      <c r="G974" s="10" t="s">
        <v>1296</v>
      </c>
      <c r="H974" s="10" t="s">
        <v>1297</v>
      </c>
      <c r="I974" s="11">
        <v>44836</v>
      </c>
    </row>
    <row r="975" spans="1:9" x14ac:dyDescent="0.2">
      <c r="A975" s="10">
        <v>2487</v>
      </c>
      <c r="B975" s="10" t="s">
        <v>3033</v>
      </c>
      <c r="C975" s="10" t="s">
        <v>3034</v>
      </c>
      <c r="D975" s="10" t="s">
        <v>3035</v>
      </c>
      <c r="E975" s="10" t="s">
        <v>3036</v>
      </c>
      <c r="F975" s="10" t="s">
        <v>3037</v>
      </c>
      <c r="G975" s="10" t="s">
        <v>3038</v>
      </c>
      <c r="H975" s="10" t="s">
        <v>3039</v>
      </c>
      <c r="I975" s="11">
        <v>44312</v>
      </c>
    </row>
    <row r="976" spans="1:9" x14ac:dyDescent="0.2">
      <c r="A976" s="10">
        <v>2921</v>
      </c>
      <c r="B976" s="10" t="s">
        <v>5381</v>
      </c>
      <c r="C976" s="10" t="s">
        <v>5382</v>
      </c>
      <c r="D976" s="10" t="s">
        <v>4789</v>
      </c>
      <c r="E976" s="10" t="s">
        <v>5383</v>
      </c>
      <c r="F976" s="10" t="s">
        <v>5384</v>
      </c>
      <c r="G976" s="10" t="s">
        <v>5385</v>
      </c>
      <c r="H976" s="10" t="s">
        <v>5386</v>
      </c>
      <c r="I976" s="11">
        <v>45064</v>
      </c>
    </row>
    <row r="977" spans="1:9" x14ac:dyDescent="0.2">
      <c r="A977" s="10">
        <v>3384</v>
      </c>
      <c r="B977" s="10" t="s">
        <v>7950</v>
      </c>
      <c r="C977" s="10" t="s">
        <v>7951</v>
      </c>
      <c r="D977" s="10" t="s">
        <v>4334</v>
      </c>
      <c r="E977" s="10" t="s">
        <v>7952</v>
      </c>
      <c r="F977" s="10" t="s">
        <v>7953</v>
      </c>
      <c r="G977" s="10" t="s">
        <v>7954</v>
      </c>
      <c r="H977" s="10" t="s">
        <v>7951</v>
      </c>
      <c r="I977" s="11">
        <v>45673</v>
      </c>
    </row>
    <row r="978" spans="1:9" x14ac:dyDescent="0.2">
      <c r="A978" s="10">
        <v>2678</v>
      </c>
      <c r="B978" s="10" t="s">
        <v>4032</v>
      </c>
      <c r="C978" s="10" t="s">
        <v>4033</v>
      </c>
      <c r="D978" s="10" t="s">
        <v>4034</v>
      </c>
      <c r="E978" s="10" t="s">
        <v>4035</v>
      </c>
      <c r="F978" s="10" t="s">
        <v>4036</v>
      </c>
      <c r="G978" s="10" t="s">
        <v>4037</v>
      </c>
      <c r="H978" s="10" t="s">
        <v>4033</v>
      </c>
      <c r="I978" s="11">
        <v>44662</v>
      </c>
    </row>
    <row r="979" spans="1:9" x14ac:dyDescent="0.2">
      <c r="A979" s="10">
        <v>3252</v>
      </c>
      <c r="B979" s="10" t="s">
        <v>7193</v>
      </c>
      <c r="C979" s="10" t="s">
        <v>7194</v>
      </c>
      <c r="D979" s="10" t="s">
        <v>746</v>
      </c>
      <c r="E979" s="10" t="s">
        <v>7195</v>
      </c>
      <c r="F979" s="10" t="s">
        <v>7196</v>
      </c>
      <c r="G979" s="10" t="s">
        <v>7197</v>
      </c>
      <c r="H979" s="10" t="s">
        <v>7198</v>
      </c>
      <c r="I979" s="11">
        <v>45498</v>
      </c>
    </row>
    <row r="980" spans="1:9" x14ac:dyDescent="0.2">
      <c r="A980" s="10">
        <v>2477</v>
      </c>
      <c r="B980" s="10" t="s">
        <v>2972</v>
      </c>
      <c r="C980" s="10" t="s">
        <v>2973</v>
      </c>
      <c r="D980" s="10" t="s">
        <v>2974</v>
      </c>
      <c r="E980" s="10" t="s">
        <v>2975</v>
      </c>
      <c r="F980" s="10" t="s">
        <v>2976</v>
      </c>
      <c r="G980" s="10" t="s">
        <v>2977</v>
      </c>
      <c r="H980" s="10" t="s">
        <v>2978</v>
      </c>
      <c r="I980" s="11">
        <v>44312</v>
      </c>
    </row>
    <row r="981" spans="1:9" x14ac:dyDescent="0.2">
      <c r="A981" s="10">
        <v>2323</v>
      </c>
      <c r="B981" s="10" t="s">
        <v>2314</v>
      </c>
      <c r="C981" s="10" t="s">
        <v>2315</v>
      </c>
      <c r="D981" s="10" t="s">
        <v>2000</v>
      </c>
      <c r="E981" s="10" t="s">
        <v>2316</v>
      </c>
      <c r="F981" s="10" t="s">
        <v>2317</v>
      </c>
      <c r="G981" s="10" t="s">
        <v>2318</v>
      </c>
      <c r="H981" s="10" t="s">
        <v>1610</v>
      </c>
      <c r="I981" s="11">
        <v>45928</v>
      </c>
    </row>
    <row r="982" spans="1:9" x14ac:dyDescent="0.2">
      <c r="A982" s="13">
        <v>3489</v>
      </c>
      <c r="B982" s="10" t="s">
        <v>8538</v>
      </c>
      <c r="C982" s="10" t="s">
        <v>8539</v>
      </c>
      <c r="D982" s="10" t="s">
        <v>8540</v>
      </c>
      <c r="E982" s="10" t="s">
        <v>8541</v>
      </c>
      <c r="F982" s="10" t="s">
        <v>8542</v>
      </c>
      <c r="G982" s="10" t="s">
        <v>8543</v>
      </c>
      <c r="H982" s="10" t="s">
        <v>8539</v>
      </c>
      <c r="I982" s="11">
        <v>45831</v>
      </c>
    </row>
    <row r="983" spans="1:9" x14ac:dyDescent="0.2">
      <c r="A983" s="13">
        <v>3500</v>
      </c>
      <c r="B983" s="10" t="s">
        <v>8598</v>
      </c>
      <c r="C983" s="10" t="s">
        <v>8599</v>
      </c>
      <c r="D983" s="10" t="s">
        <v>2378</v>
      </c>
      <c r="E983" s="10" t="s">
        <v>8600</v>
      </c>
      <c r="F983" s="10" t="s">
        <v>8601</v>
      </c>
      <c r="G983" s="10" t="s">
        <v>8602</v>
      </c>
      <c r="H983" s="10" t="s">
        <v>8599</v>
      </c>
      <c r="I983" s="11">
        <v>45845</v>
      </c>
    </row>
    <row r="984" spans="1:9" x14ac:dyDescent="0.2">
      <c r="A984" s="10">
        <v>2587</v>
      </c>
      <c r="B984" s="10" t="s">
        <v>3548</v>
      </c>
      <c r="C984" s="10" t="s">
        <v>3549</v>
      </c>
      <c r="D984" s="10" t="s">
        <v>3550</v>
      </c>
      <c r="E984" s="10" t="s">
        <v>3551</v>
      </c>
      <c r="F984" s="10" t="s">
        <v>3552</v>
      </c>
      <c r="G984" s="10" t="s">
        <v>3553</v>
      </c>
      <c r="H984" s="10" t="s">
        <v>3549</v>
      </c>
      <c r="I984" s="11">
        <v>44525</v>
      </c>
    </row>
    <row r="985" spans="1:9" x14ac:dyDescent="0.2">
      <c r="A985" s="10">
        <v>1878</v>
      </c>
      <c r="B985" s="10" t="s">
        <v>1449</v>
      </c>
      <c r="C985" s="10" t="s">
        <v>1450</v>
      </c>
      <c r="D985" s="10" t="s">
        <v>1451</v>
      </c>
      <c r="E985" s="10" t="s">
        <v>1452</v>
      </c>
      <c r="F985" s="10" t="s">
        <v>1453</v>
      </c>
      <c r="G985" s="10" t="s">
        <v>1454</v>
      </c>
      <c r="H985" s="10" t="s">
        <v>1450</v>
      </c>
      <c r="I985" s="11">
        <v>45014</v>
      </c>
    </row>
    <row r="986" spans="1:9" x14ac:dyDescent="0.2">
      <c r="A986" s="10">
        <v>1314</v>
      </c>
      <c r="B986" s="10" t="s">
        <v>626</v>
      </c>
      <c r="C986" s="10" t="s">
        <v>627</v>
      </c>
      <c r="D986" s="10" t="s">
        <v>628</v>
      </c>
      <c r="E986" s="10" t="s">
        <v>629</v>
      </c>
      <c r="F986" s="10" t="s">
        <v>630</v>
      </c>
      <c r="G986" s="10" t="s">
        <v>631</v>
      </c>
      <c r="H986" s="10" t="s">
        <v>627</v>
      </c>
      <c r="I986" s="11">
        <v>45475</v>
      </c>
    </row>
    <row r="987" spans="1:9" x14ac:dyDescent="0.2">
      <c r="A987" s="10">
        <v>2972</v>
      </c>
      <c r="B987" s="10" t="s">
        <v>5649</v>
      </c>
      <c r="C987" s="10" t="s">
        <v>5650</v>
      </c>
      <c r="D987" s="10" t="s">
        <v>201</v>
      </c>
      <c r="E987" s="10" t="s">
        <v>5651</v>
      </c>
      <c r="F987" s="10" t="s">
        <v>5652</v>
      </c>
      <c r="G987" s="10" t="s">
        <v>5653</v>
      </c>
      <c r="H987" s="10" t="s">
        <v>5650</v>
      </c>
      <c r="I987" s="11">
        <v>45120</v>
      </c>
    </row>
    <row r="988" spans="1:9" x14ac:dyDescent="0.2">
      <c r="A988" s="10">
        <v>3230</v>
      </c>
      <c r="B988" s="10" t="s">
        <v>7068</v>
      </c>
      <c r="C988" s="10" t="s">
        <v>7069</v>
      </c>
      <c r="D988" s="10" t="s">
        <v>7070</v>
      </c>
      <c r="E988" s="10" t="s">
        <v>7071</v>
      </c>
      <c r="F988" s="10" t="s">
        <v>7072</v>
      </c>
      <c r="G988" s="10" t="s">
        <v>5653</v>
      </c>
      <c r="H988" s="10" t="s">
        <v>7069</v>
      </c>
      <c r="I988" s="11">
        <v>45467</v>
      </c>
    </row>
    <row r="989" spans="1:9" x14ac:dyDescent="0.2">
      <c r="A989" s="10">
        <v>2902</v>
      </c>
      <c r="B989" s="10" t="s">
        <v>5278</v>
      </c>
      <c r="C989" s="10" t="s">
        <v>5279</v>
      </c>
      <c r="D989" s="10" t="s">
        <v>764</v>
      </c>
      <c r="E989" s="10" t="s">
        <v>5280</v>
      </c>
      <c r="F989" s="10" t="s">
        <v>5281</v>
      </c>
      <c r="G989" s="10" t="s">
        <v>5282</v>
      </c>
      <c r="H989" s="10" t="s">
        <v>5283</v>
      </c>
      <c r="I989" s="11">
        <v>45040</v>
      </c>
    </row>
    <row r="990" spans="1:9" x14ac:dyDescent="0.2">
      <c r="A990" s="10">
        <v>3312</v>
      </c>
      <c r="B990" s="10" t="s">
        <v>7527</v>
      </c>
      <c r="C990" s="10" t="s">
        <v>7528</v>
      </c>
      <c r="D990" s="10" t="s">
        <v>2755</v>
      </c>
      <c r="E990" s="10" t="s">
        <v>7529</v>
      </c>
      <c r="F990" s="10" t="s">
        <v>7530</v>
      </c>
      <c r="G990" s="10" t="s">
        <v>7531</v>
      </c>
      <c r="H990" s="10" t="s">
        <v>7528</v>
      </c>
      <c r="I990" s="11">
        <v>45589</v>
      </c>
    </row>
    <row r="991" spans="1:9" x14ac:dyDescent="0.2">
      <c r="A991" s="10">
        <v>3263</v>
      </c>
      <c r="B991" s="10" t="s">
        <v>7255</v>
      </c>
      <c r="C991" s="10" t="s">
        <v>7256</v>
      </c>
      <c r="D991" s="10" t="s">
        <v>7257</v>
      </c>
      <c r="E991" s="10" t="s">
        <v>7258</v>
      </c>
      <c r="F991" s="10" t="s">
        <v>7259</v>
      </c>
      <c r="G991" s="10" t="s">
        <v>7260</v>
      </c>
      <c r="H991" s="10" t="s">
        <v>7256</v>
      </c>
      <c r="I991" s="11">
        <v>45505</v>
      </c>
    </row>
    <row r="992" spans="1:9" x14ac:dyDescent="0.2">
      <c r="A992" s="10">
        <v>2332</v>
      </c>
      <c r="B992" s="10" t="s">
        <v>2326</v>
      </c>
      <c r="C992" s="10" t="s">
        <v>2327</v>
      </c>
      <c r="D992" s="10" t="s">
        <v>2328</v>
      </c>
      <c r="E992" s="10" t="s">
        <v>2329</v>
      </c>
      <c r="F992" s="10" t="s">
        <v>2330</v>
      </c>
      <c r="G992" s="10" t="s">
        <v>2331</v>
      </c>
      <c r="H992" s="10" t="s">
        <v>2327</v>
      </c>
      <c r="I992" s="11">
        <v>45938</v>
      </c>
    </row>
    <row r="993" spans="1:9" x14ac:dyDescent="0.2">
      <c r="A993" s="13">
        <v>3464</v>
      </c>
      <c r="B993" s="10" t="s">
        <v>8397</v>
      </c>
      <c r="C993" s="10" t="s">
        <v>8398</v>
      </c>
      <c r="D993" s="10" t="s">
        <v>1348</v>
      </c>
      <c r="E993" s="10" t="s">
        <v>8399</v>
      </c>
      <c r="F993" s="10" t="s">
        <v>8400</v>
      </c>
      <c r="G993" s="10" t="s">
        <v>8401</v>
      </c>
      <c r="H993" s="10" t="s">
        <v>8398</v>
      </c>
      <c r="I993" s="11">
        <v>45778</v>
      </c>
    </row>
    <row r="994" spans="1:9" x14ac:dyDescent="0.2">
      <c r="A994" s="10">
        <v>2742</v>
      </c>
      <c r="B994" s="10" t="s">
        <v>4369</v>
      </c>
      <c r="C994" s="10" t="s">
        <v>4370</v>
      </c>
      <c r="D994" s="10" t="s">
        <v>4371</v>
      </c>
      <c r="E994" s="10" t="s">
        <v>4372</v>
      </c>
      <c r="F994" s="10" t="s">
        <v>4373</v>
      </c>
      <c r="G994" s="10" t="s">
        <v>4374</v>
      </c>
      <c r="H994" s="10" t="s">
        <v>4370</v>
      </c>
      <c r="I994" s="11">
        <v>44742</v>
      </c>
    </row>
    <row r="995" spans="1:9" x14ac:dyDescent="0.2">
      <c r="A995" s="13">
        <v>3432</v>
      </c>
      <c r="B995" s="10" t="s">
        <v>8226</v>
      </c>
      <c r="C995" s="10" t="s">
        <v>8227</v>
      </c>
      <c r="D995" s="10" t="s">
        <v>4334</v>
      </c>
      <c r="E995" s="10" t="s">
        <v>8228</v>
      </c>
      <c r="F995" s="10" t="s">
        <v>8229</v>
      </c>
      <c r="G995" s="10" t="s">
        <v>8230</v>
      </c>
      <c r="H995" s="10" t="s">
        <v>8231</v>
      </c>
      <c r="I995" s="11">
        <v>45747</v>
      </c>
    </row>
    <row r="996" spans="1:9" x14ac:dyDescent="0.2">
      <c r="A996" s="10">
        <v>3303</v>
      </c>
      <c r="B996" s="10" t="s">
        <v>7476</v>
      </c>
      <c r="C996" s="10" t="s">
        <v>7477</v>
      </c>
      <c r="D996" s="10" t="s">
        <v>3901</v>
      </c>
      <c r="E996" s="10" t="s">
        <v>6846</v>
      </c>
      <c r="F996" s="10" t="s">
        <v>7478</v>
      </c>
      <c r="G996" s="10" t="s">
        <v>7479</v>
      </c>
      <c r="H996" s="10" t="s">
        <v>7477</v>
      </c>
      <c r="I996" s="11">
        <v>45589</v>
      </c>
    </row>
    <row r="997" spans="1:9" x14ac:dyDescent="0.2">
      <c r="A997" s="10">
        <v>1830</v>
      </c>
      <c r="B997" s="10" t="s">
        <v>1322</v>
      </c>
      <c r="C997" s="10" t="s">
        <v>1323</v>
      </c>
      <c r="D997" s="10" t="s">
        <v>212</v>
      </c>
      <c r="E997" s="10" t="s">
        <v>1324</v>
      </c>
      <c r="F997" s="10" t="s">
        <v>1325</v>
      </c>
      <c r="G997" s="10" t="s">
        <v>1326</v>
      </c>
      <c r="H997" s="10" t="s">
        <v>1323</v>
      </c>
      <c r="I997" s="11">
        <v>44913</v>
      </c>
    </row>
    <row r="998" spans="1:9" x14ac:dyDescent="0.2">
      <c r="A998" s="10">
        <v>2915</v>
      </c>
      <c r="B998" s="10" t="s">
        <v>5347</v>
      </c>
      <c r="C998" s="10" t="s">
        <v>5348</v>
      </c>
      <c r="D998" s="10" t="s">
        <v>5349</v>
      </c>
      <c r="E998" s="10" t="s">
        <v>5350</v>
      </c>
      <c r="F998" s="10" t="s">
        <v>5351</v>
      </c>
      <c r="G998" s="10" t="s">
        <v>5352</v>
      </c>
      <c r="H998" s="10" t="s">
        <v>5348</v>
      </c>
      <c r="I998" s="11">
        <v>45057</v>
      </c>
    </row>
    <row r="999" spans="1:9" x14ac:dyDescent="0.2">
      <c r="A999" s="13">
        <v>3445</v>
      </c>
      <c r="B999" s="10" t="s">
        <v>8295</v>
      </c>
      <c r="C999" s="10" t="s">
        <v>8296</v>
      </c>
      <c r="D999" s="10" t="s">
        <v>1804</v>
      </c>
      <c r="E999" s="10" t="s">
        <v>8297</v>
      </c>
      <c r="F999" s="10" t="s">
        <v>8298</v>
      </c>
      <c r="G999" s="10" t="s">
        <v>8299</v>
      </c>
      <c r="H999" s="10" t="s">
        <v>8296</v>
      </c>
      <c r="I999" s="11">
        <v>45789</v>
      </c>
    </row>
    <row r="1000" spans="1:9" x14ac:dyDescent="0.2">
      <c r="A1000" s="10">
        <v>1564</v>
      </c>
      <c r="B1000" s="10" t="s">
        <v>846</v>
      </c>
      <c r="C1000" s="10" t="s">
        <v>847</v>
      </c>
      <c r="D1000" s="10" t="s">
        <v>848</v>
      </c>
      <c r="E1000" s="10" t="s">
        <v>849</v>
      </c>
      <c r="F1000" s="10" t="s">
        <v>850</v>
      </c>
      <c r="G1000" s="10" t="s">
        <v>851</v>
      </c>
      <c r="H1000" s="10" t="s">
        <v>847</v>
      </c>
      <c r="I1000" s="11">
        <v>44311</v>
      </c>
    </row>
    <row r="1001" spans="1:9" x14ac:dyDescent="0.2">
      <c r="A1001" s="10">
        <v>3351</v>
      </c>
      <c r="B1001" s="10" t="s">
        <v>7758</v>
      </c>
      <c r="C1001" s="10" t="s">
        <v>7759</v>
      </c>
      <c r="D1001" s="10" t="s">
        <v>7760</v>
      </c>
      <c r="E1001" s="10" t="s">
        <v>7761</v>
      </c>
      <c r="F1001" s="10" t="s">
        <v>7762</v>
      </c>
      <c r="G1001" s="10" t="s">
        <v>7763</v>
      </c>
      <c r="H1001" s="10" t="s">
        <v>7764</v>
      </c>
      <c r="I1001" s="12">
        <v>45628</v>
      </c>
    </row>
    <row r="1002" spans="1:9" x14ac:dyDescent="0.2">
      <c r="A1002" s="10">
        <v>1981</v>
      </c>
      <c r="B1002" s="10" t="s">
        <v>1647</v>
      </c>
      <c r="C1002" s="10" t="s">
        <v>35</v>
      </c>
      <c r="D1002" s="10" t="s">
        <v>1648</v>
      </c>
      <c r="E1002" s="10" t="s">
        <v>1649</v>
      </c>
      <c r="F1002" s="10" t="s">
        <v>1650</v>
      </c>
      <c r="G1002" s="10" t="s">
        <v>1651</v>
      </c>
      <c r="H1002" s="10" t="s">
        <v>1652</v>
      </c>
      <c r="I1002" s="11">
        <v>45270</v>
      </c>
    </row>
    <row r="1003" spans="1:9" x14ac:dyDescent="0.2">
      <c r="A1003" s="10">
        <v>2950</v>
      </c>
      <c r="B1003" s="10" t="s">
        <v>5536</v>
      </c>
      <c r="C1003" s="10" t="s">
        <v>5537</v>
      </c>
      <c r="D1003" s="10" t="s">
        <v>5538</v>
      </c>
      <c r="E1003" s="10" t="s">
        <v>5539</v>
      </c>
      <c r="F1003" s="10" t="s">
        <v>5540</v>
      </c>
      <c r="G1003" s="10" t="s">
        <v>5541</v>
      </c>
      <c r="H1003" s="10" t="s">
        <v>5542</v>
      </c>
      <c r="I1003" s="11">
        <v>45096</v>
      </c>
    </row>
    <row r="1004" spans="1:9" x14ac:dyDescent="0.2">
      <c r="A1004" s="10">
        <v>3176</v>
      </c>
      <c r="B1004" s="10" t="s">
        <v>6771</v>
      </c>
      <c r="C1004" s="10" t="s">
        <v>6772</v>
      </c>
      <c r="D1004" s="10" t="s">
        <v>6773</v>
      </c>
      <c r="E1004" s="10" t="s">
        <v>6774</v>
      </c>
      <c r="F1004" s="10" t="s">
        <v>6775</v>
      </c>
      <c r="G1004" s="10" t="s">
        <v>6776</v>
      </c>
      <c r="H1004" s="10" t="s">
        <v>6777</v>
      </c>
      <c r="I1004" s="11">
        <v>45379</v>
      </c>
    </row>
    <row r="1005" spans="1:9" x14ac:dyDescent="0.2">
      <c r="A1005" s="10">
        <v>2833</v>
      </c>
      <c r="B1005" s="10" t="s">
        <v>4877</v>
      </c>
      <c r="C1005" s="10" t="s">
        <v>4878</v>
      </c>
      <c r="D1005" s="10" t="s">
        <v>4879</v>
      </c>
      <c r="E1005" s="10" t="s">
        <v>4880</v>
      </c>
      <c r="F1005" s="10" t="s">
        <v>4881</v>
      </c>
      <c r="G1005" s="10" t="s">
        <v>4882</v>
      </c>
      <c r="H1005" s="10" t="s">
        <v>4878</v>
      </c>
      <c r="I1005" s="11">
        <v>44921</v>
      </c>
    </row>
    <row r="1006" spans="1:9" x14ac:dyDescent="0.2">
      <c r="A1006" s="10">
        <v>2261</v>
      </c>
      <c r="B1006" s="10" t="s">
        <v>2177</v>
      </c>
      <c r="C1006" s="10" t="s">
        <v>2178</v>
      </c>
      <c r="D1006" s="10" t="s">
        <v>2179</v>
      </c>
      <c r="E1006" s="10" t="s">
        <v>2180</v>
      </c>
      <c r="F1006" s="10" t="s">
        <v>2181</v>
      </c>
      <c r="G1006" s="10" t="s">
        <v>2182</v>
      </c>
      <c r="H1006" s="10" t="s">
        <v>2178</v>
      </c>
      <c r="I1006" s="11">
        <v>45833</v>
      </c>
    </row>
    <row r="1007" spans="1:9" x14ac:dyDescent="0.2">
      <c r="A1007" s="10">
        <v>2239</v>
      </c>
      <c r="B1007" s="10" t="s">
        <v>2127</v>
      </c>
      <c r="C1007" s="10" t="s">
        <v>2128</v>
      </c>
      <c r="D1007" s="10" t="s">
        <v>2129</v>
      </c>
      <c r="E1007" s="10" t="s">
        <v>2130</v>
      </c>
      <c r="F1007" s="10" t="s">
        <v>2131</v>
      </c>
      <c r="G1007" s="10" t="s">
        <v>2132</v>
      </c>
      <c r="H1007" s="10" t="s">
        <v>2133</v>
      </c>
      <c r="I1007" s="11">
        <v>45778</v>
      </c>
    </row>
    <row r="1008" spans="1:9" x14ac:dyDescent="0.2">
      <c r="A1008" s="10">
        <v>2845</v>
      </c>
      <c r="B1008" s="10" t="s">
        <v>4944</v>
      </c>
      <c r="C1008" s="10" t="s">
        <v>4945</v>
      </c>
      <c r="D1008" s="10" t="s">
        <v>4946</v>
      </c>
      <c r="E1008" s="10" t="s">
        <v>4947</v>
      </c>
      <c r="F1008" s="10" t="s">
        <v>4948</v>
      </c>
      <c r="G1008" s="10" t="s">
        <v>4949</v>
      </c>
      <c r="H1008" s="10" t="s">
        <v>4950</v>
      </c>
      <c r="I1008" s="11">
        <v>44921</v>
      </c>
    </row>
    <row r="1009" spans="1:9" x14ac:dyDescent="0.2">
      <c r="A1009" s="10">
        <v>2460</v>
      </c>
      <c r="B1009" s="10" t="s">
        <v>2884</v>
      </c>
      <c r="C1009" s="10" t="s">
        <v>2885</v>
      </c>
      <c r="D1009" s="10" t="s">
        <v>2886</v>
      </c>
      <c r="E1009" s="10" t="s">
        <v>2887</v>
      </c>
      <c r="F1009" s="10" t="s">
        <v>2888</v>
      </c>
      <c r="G1009" s="10" t="s">
        <v>2889</v>
      </c>
      <c r="H1009" s="10" t="s">
        <v>2885</v>
      </c>
      <c r="I1009" s="11">
        <v>44305</v>
      </c>
    </row>
    <row r="1010" spans="1:9" x14ac:dyDescent="0.2">
      <c r="A1010" s="10">
        <v>2455</v>
      </c>
      <c r="B1010" s="10" t="s">
        <v>2860</v>
      </c>
      <c r="C1010" s="10" t="s">
        <v>2861</v>
      </c>
      <c r="D1010" s="10" t="s">
        <v>2862</v>
      </c>
      <c r="E1010" s="10" t="s">
        <v>2863</v>
      </c>
      <c r="F1010" s="10" t="s">
        <v>2864</v>
      </c>
      <c r="G1010" s="10" t="s">
        <v>2865</v>
      </c>
      <c r="H1010" s="10" t="s">
        <v>2861</v>
      </c>
      <c r="I1010" s="11">
        <v>44298</v>
      </c>
    </row>
    <row r="1011" spans="1:9" x14ac:dyDescent="0.2">
      <c r="A1011" s="14">
        <v>3627</v>
      </c>
      <c r="B1011" s="15" t="s">
        <v>9314</v>
      </c>
      <c r="C1011" s="10" t="s">
        <v>9315</v>
      </c>
      <c r="D1011" s="15" t="s">
        <v>2244</v>
      </c>
      <c r="E1011" s="10" t="s">
        <v>9316</v>
      </c>
      <c r="F1011" s="10" t="s">
        <v>9317</v>
      </c>
      <c r="G1011" s="10" t="s">
        <v>9318</v>
      </c>
      <c r="H1011" s="10" t="s">
        <v>9315</v>
      </c>
      <c r="I1011" s="11">
        <v>46013</v>
      </c>
    </row>
    <row r="1012" spans="1:9" x14ac:dyDescent="0.2">
      <c r="A1012" s="10">
        <v>1740</v>
      </c>
      <c r="B1012" s="10" t="s">
        <v>1178</v>
      </c>
      <c r="C1012" s="10" t="s">
        <v>1179</v>
      </c>
      <c r="D1012" s="10" t="s">
        <v>1180</v>
      </c>
      <c r="E1012" s="10" t="s">
        <v>1181</v>
      </c>
      <c r="F1012" s="10" t="s">
        <v>1182</v>
      </c>
      <c r="G1012" s="10" t="s">
        <v>1183</v>
      </c>
      <c r="H1012" s="10" t="s">
        <v>1179</v>
      </c>
      <c r="I1012" s="11">
        <v>44689</v>
      </c>
    </row>
    <row r="1013" spans="1:9" x14ac:dyDescent="0.2">
      <c r="A1013" s="10">
        <v>1766</v>
      </c>
      <c r="B1013" s="10" t="s">
        <v>1231</v>
      </c>
      <c r="C1013" s="10" t="s">
        <v>1232</v>
      </c>
      <c r="D1013" s="10" t="s">
        <v>433</v>
      </c>
      <c r="E1013" s="10" t="s">
        <v>1233</v>
      </c>
      <c r="F1013" s="10" t="s">
        <v>1234</v>
      </c>
      <c r="G1013" s="10" t="s">
        <v>1235</v>
      </c>
      <c r="H1013" s="10" t="s">
        <v>1236</v>
      </c>
      <c r="I1013" s="11">
        <v>44752</v>
      </c>
    </row>
    <row r="1014" spans="1:9" x14ac:dyDescent="0.2">
      <c r="A1014" s="10">
        <v>954</v>
      </c>
      <c r="B1014" s="10" t="s">
        <v>328</v>
      </c>
      <c r="C1014" s="10" t="s">
        <v>329</v>
      </c>
      <c r="D1014" s="10" t="s">
        <v>330</v>
      </c>
      <c r="E1014" s="10" t="s">
        <v>331</v>
      </c>
      <c r="F1014" s="10" t="s">
        <v>332</v>
      </c>
      <c r="G1014" s="10" t="s">
        <v>333</v>
      </c>
      <c r="H1014" s="10" t="s">
        <v>329</v>
      </c>
      <c r="I1014" s="11">
        <v>45966</v>
      </c>
    </row>
    <row r="1015" spans="1:9" x14ac:dyDescent="0.2">
      <c r="A1015" s="13">
        <v>3436</v>
      </c>
      <c r="B1015" s="10" t="s">
        <v>8249</v>
      </c>
      <c r="C1015" s="10" t="s">
        <v>8250</v>
      </c>
      <c r="D1015" s="10" t="s">
        <v>477</v>
      </c>
      <c r="E1015" s="10" t="s">
        <v>8251</v>
      </c>
      <c r="F1015" s="10" t="s">
        <v>8252</v>
      </c>
      <c r="G1015" s="10" t="s">
        <v>8253</v>
      </c>
      <c r="H1015" s="10" t="s">
        <v>8254</v>
      </c>
      <c r="I1015" s="11">
        <v>45764</v>
      </c>
    </row>
    <row r="1016" spans="1:9" x14ac:dyDescent="0.2">
      <c r="A1016" s="10">
        <v>3314</v>
      </c>
      <c r="B1016" s="10" t="s">
        <v>7538</v>
      </c>
      <c r="C1016" s="10" t="s">
        <v>7539</v>
      </c>
      <c r="D1016" s="10" t="s">
        <v>1736</v>
      </c>
      <c r="E1016" s="10" t="s">
        <v>7540</v>
      </c>
      <c r="F1016" s="10" t="s">
        <v>7541</v>
      </c>
      <c r="G1016" s="10" t="s">
        <v>7542</v>
      </c>
      <c r="H1016" s="10" t="s">
        <v>7539</v>
      </c>
      <c r="I1016" s="11">
        <v>45603</v>
      </c>
    </row>
    <row r="1017" spans="1:9" x14ac:dyDescent="0.2">
      <c r="A1017" s="10">
        <v>1305</v>
      </c>
      <c r="B1017" s="10" t="s">
        <v>608</v>
      </c>
      <c r="C1017" s="10" t="s">
        <v>609</v>
      </c>
      <c r="D1017" s="10" t="s">
        <v>610</v>
      </c>
      <c r="E1017" s="10" t="s">
        <v>611</v>
      </c>
      <c r="F1017" s="10" t="s">
        <v>612</v>
      </c>
      <c r="G1017" s="10" t="s">
        <v>613</v>
      </c>
      <c r="H1017" s="10" t="s">
        <v>609</v>
      </c>
      <c r="I1017" s="11">
        <v>45455</v>
      </c>
    </row>
    <row r="1018" spans="1:9" x14ac:dyDescent="0.2">
      <c r="A1018" s="10">
        <v>2622</v>
      </c>
      <c r="B1018" s="10" t="s">
        <v>3738</v>
      </c>
      <c r="C1018" s="10" t="s">
        <v>3739</v>
      </c>
      <c r="D1018" s="10" t="s">
        <v>3740</v>
      </c>
      <c r="E1018" s="10" t="s">
        <v>3741</v>
      </c>
      <c r="F1018" s="10" t="s">
        <v>3742</v>
      </c>
      <c r="G1018" s="10" t="s">
        <v>3743</v>
      </c>
      <c r="H1018" s="10" t="s">
        <v>3739</v>
      </c>
      <c r="I1018" s="11">
        <v>44578</v>
      </c>
    </row>
    <row r="1019" spans="1:9" x14ac:dyDescent="0.2">
      <c r="A1019" s="10">
        <v>2530</v>
      </c>
      <c r="B1019" s="10" t="s">
        <v>3244</v>
      </c>
      <c r="C1019" s="10" t="s">
        <v>3245</v>
      </c>
      <c r="D1019" s="10" t="s">
        <v>3246</v>
      </c>
      <c r="E1019" s="10" t="s">
        <v>3247</v>
      </c>
      <c r="F1019" s="10" t="s">
        <v>3248</v>
      </c>
      <c r="G1019" s="10" t="s">
        <v>3249</v>
      </c>
      <c r="H1019" s="10" t="s">
        <v>3245</v>
      </c>
      <c r="I1019" s="11">
        <v>44371</v>
      </c>
    </row>
    <row r="1020" spans="1:9" x14ac:dyDescent="0.2">
      <c r="A1020" s="10">
        <v>2597</v>
      </c>
      <c r="B1020" s="10" t="s">
        <v>3602</v>
      </c>
      <c r="C1020" s="10" t="s">
        <v>3603</v>
      </c>
      <c r="D1020" s="10" t="s">
        <v>3604</v>
      </c>
      <c r="E1020" s="10" t="s">
        <v>3605</v>
      </c>
      <c r="F1020" s="10" t="s">
        <v>3606</v>
      </c>
      <c r="G1020" s="10" t="s">
        <v>3607</v>
      </c>
      <c r="H1020" s="10" t="s">
        <v>3603</v>
      </c>
      <c r="I1020" s="11">
        <v>44532</v>
      </c>
    </row>
    <row r="1021" spans="1:9" x14ac:dyDescent="0.2">
      <c r="A1021" s="10">
        <v>2563</v>
      </c>
      <c r="B1021" s="10" t="s">
        <v>3420</v>
      </c>
      <c r="C1021" s="10" t="s">
        <v>3421</v>
      </c>
      <c r="D1021" s="10" t="s">
        <v>3422</v>
      </c>
      <c r="E1021" s="10" t="s">
        <v>3423</v>
      </c>
      <c r="F1021" s="10" t="s">
        <v>3424</v>
      </c>
      <c r="G1021" s="10" t="s">
        <v>3425</v>
      </c>
      <c r="H1021" s="10" t="s">
        <v>3426</v>
      </c>
      <c r="I1021" s="11">
        <v>44452</v>
      </c>
    </row>
    <row r="1022" spans="1:9" x14ac:dyDescent="0.2">
      <c r="A1022" s="10">
        <v>2506</v>
      </c>
      <c r="B1022" s="10" t="s">
        <v>3140</v>
      </c>
      <c r="C1022" s="10" t="s">
        <v>3141</v>
      </c>
      <c r="D1022" s="10" t="s">
        <v>1574</v>
      </c>
      <c r="E1022" s="10" t="s">
        <v>3142</v>
      </c>
      <c r="F1022" s="10" t="s">
        <v>3143</v>
      </c>
      <c r="G1022" s="10" t="s">
        <v>3144</v>
      </c>
      <c r="H1022" s="10" t="s">
        <v>3145</v>
      </c>
      <c r="I1022" s="11">
        <v>44347</v>
      </c>
    </row>
    <row r="1023" spans="1:9" x14ac:dyDescent="0.2">
      <c r="A1023" s="10">
        <v>2875</v>
      </c>
      <c r="B1023" s="10" t="s">
        <v>5121</v>
      </c>
      <c r="C1023" s="10" t="s">
        <v>5122</v>
      </c>
      <c r="D1023" s="10" t="s">
        <v>746</v>
      </c>
      <c r="E1023" s="10" t="s">
        <v>5123</v>
      </c>
      <c r="F1023" s="10" t="s">
        <v>5124</v>
      </c>
      <c r="G1023" s="10" t="s">
        <v>5125</v>
      </c>
      <c r="H1023" s="10" t="s">
        <v>5126</v>
      </c>
      <c r="I1023" s="11">
        <v>44998</v>
      </c>
    </row>
    <row r="1024" spans="1:9" x14ac:dyDescent="0.2">
      <c r="A1024" s="10">
        <v>2697</v>
      </c>
      <c r="B1024" s="10" t="s">
        <v>4138</v>
      </c>
      <c r="C1024" s="10" t="s">
        <v>4139</v>
      </c>
      <c r="D1024" s="10" t="s">
        <v>4140</v>
      </c>
      <c r="E1024" s="10" t="s">
        <v>4141</v>
      </c>
      <c r="F1024" s="10" t="s">
        <v>4142</v>
      </c>
      <c r="G1024" s="10" t="s">
        <v>4143</v>
      </c>
      <c r="H1024" s="10" t="s">
        <v>4139</v>
      </c>
      <c r="I1024" s="11">
        <v>44697</v>
      </c>
    </row>
    <row r="1025" spans="1:9" x14ac:dyDescent="0.2">
      <c r="A1025" s="10">
        <v>2465</v>
      </c>
      <c r="B1025" s="10" t="s">
        <v>2915</v>
      </c>
      <c r="C1025" s="10" t="s">
        <v>2916</v>
      </c>
      <c r="D1025" s="10" t="s">
        <v>2917</v>
      </c>
      <c r="E1025" s="10" t="s">
        <v>2918</v>
      </c>
      <c r="F1025" s="10" t="s">
        <v>2919</v>
      </c>
      <c r="G1025" s="10" t="s">
        <v>2920</v>
      </c>
      <c r="H1025" s="10" t="s">
        <v>2921</v>
      </c>
      <c r="I1025" s="11">
        <v>44305</v>
      </c>
    </row>
    <row r="1026" spans="1:9" x14ac:dyDescent="0.2">
      <c r="A1026" s="10">
        <v>2162</v>
      </c>
      <c r="B1026" s="10" t="s">
        <v>1979</v>
      </c>
      <c r="C1026" s="10" t="s">
        <v>1980</v>
      </c>
      <c r="D1026" s="10" t="s">
        <v>1981</v>
      </c>
      <c r="E1026" s="10" t="s">
        <v>1982</v>
      </c>
      <c r="F1026" s="10" t="s">
        <v>1983</v>
      </c>
      <c r="G1026" s="10" t="s">
        <v>1984</v>
      </c>
      <c r="H1026" s="10" t="s">
        <v>1980</v>
      </c>
      <c r="I1026" s="11">
        <v>45652</v>
      </c>
    </row>
    <row r="1027" spans="1:9" x14ac:dyDescent="0.2">
      <c r="A1027" s="10">
        <v>2879</v>
      </c>
      <c r="B1027" s="10" t="s">
        <v>5144</v>
      </c>
      <c r="C1027" s="10" t="s">
        <v>5145</v>
      </c>
      <c r="D1027" s="10" t="s">
        <v>5146</v>
      </c>
      <c r="E1027" s="10" t="s">
        <v>5147</v>
      </c>
      <c r="F1027" s="10" t="s">
        <v>5148</v>
      </c>
      <c r="G1027" s="10" t="s">
        <v>1984</v>
      </c>
      <c r="H1027" s="10" t="s">
        <v>5149</v>
      </c>
      <c r="I1027" s="11">
        <v>44994</v>
      </c>
    </row>
    <row r="1028" spans="1:9" x14ac:dyDescent="0.2">
      <c r="A1028" s="10">
        <v>3358</v>
      </c>
      <c r="B1028" s="10" t="s">
        <v>7800</v>
      </c>
      <c r="C1028" s="10" t="s">
        <v>35</v>
      </c>
      <c r="D1028" s="10" t="s">
        <v>7801</v>
      </c>
      <c r="E1028" s="10" t="s">
        <v>7802</v>
      </c>
      <c r="F1028" s="10" t="s">
        <v>7803</v>
      </c>
      <c r="G1028" s="10" t="s">
        <v>7804</v>
      </c>
      <c r="H1028" s="10" t="s">
        <v>7805</v>
      </c>
      <c r="I1028" s="12">
        <v>45642</v>
      </c>
    </row>
    <row r="1029" spans="1:9" x14ac:dyDescent="0.2">
      <c r="A1029" s="10">
        <v>26</v>
      </c>
      <c r="B1029" s="10" t="s">
        <v>28</v>
      </c>
      <c r="C1029" s="10" t="s">
        <v>29</v>
      </c>
      <c r="D1029" s="10" t="s">
        <v>30</v>
      </c>
      <c r="E1029" s="10" t="s">
        <v>31</v>
      </c>
      <c r="F1029" s="10" t="s">
        <v>32</v>
      </c>
      <c r="G1029" s="10" t="s">
        <v>33</v>
      </c>
      <c r="H1029" s="10" t="s">
        <v>29</v>
      </c>
      <c r="I1029" s="11">
        <v>44436</v>
      </c>
    </row>
    <row r="1030" spans="1:9" x14ac:dyDescent="0.2">
      <c r="A1030" s="10">
        <v>1103</v>
      </c>
      <c r="B1030" s="10" t="s">
        <v>425</v>
      </c>
      <c r="C1030" s="10" t="s">
        <v>35</v>
      </c>
      <c r="D1030" s="10" t="s">
        <v>426</v>
      </c>
      <c r="E1030" s="10" t="s">
        <v>427</v>
      </c>
      <c r="F1030" s="10" t="s">
        <v>428</v>
      </c>
      <c r="G1030" s="10" t="s">
        <v>429</v>
      </c>
      <c r="H1030" s="10" t="s">
        <v>430</v>
      </c>
      <c r="I1030" s="11">
        <v>44754</v>
      </c>
    </row>
    <row r="1031" spans="1:9" x14ac:dyDescent="0.2">
      <c r="A1031" s="10">
        <v>2366</v>
      </c>
      <c r="B1031" s="10" t="s">
        <v>2406</v>
      </c>
      <c r="C1031" s="10" t="s">
        <v>2407</v>
      </c>
      <c r="D1031" s="10" t="s">
        <v>2408</v>
      </c>
      <c r="E1031" s="10" t="s">
        <v>2409</v>
      </c>
      <c r="F1031" s="10" t="s">
        <v>2410</v>
      </c>
      <c r="G1031" s="10" t="s">
        <v>2411</v>
      </c>
      <c r="H1031" s="10" t="s">
        <v>2407</v>
      </c>
      <c r="I1031" s="11">
        <v>46029</v>
      </c>
    </row>
    <row r="1032" spans="1:9" x14ac:dyDescent="0.2">
      <c r="A1032" s="10">
        <v>3133</v>
      </c>
      <c r="B1032" s="10" t="s">
        <v>6552</v>
      </c>
      <c r="C1032" s="10" t="s">
        <v>6553</v>
      </c>
      <c r="D1032" s="10" t="s">
        <v>4065</v>
      </c>
      <c r="E1032" s="10" t="s">
        <v>6554</v>
      </c>
      <c r="F1032" s="10" t="s">
        <v>6555</v>
      </c>
      <c r="G1032" s="10" t="s">
        <v>6556</v>
      </c>
      <c r="H1032" s="10" t="s">
        <v>6553</v>
      </c>
      <c r="I1032" s="11">
        <v>45337</v>
      </c>
    </row>
    <row r="1033" spans="1:9" x14ac:dyDescent="0.2">
      <c r="A1033" s="10">
        <v>1844</v>
      </c>
      <c r="B1033" s="10" t="s">
        <v>1359</v>
      </c>
      <c r="C1033" s="10" t="s">
        <v>1360</v>
      </c>
      <c r="D1033" s="10" t="s">
        <v>1361</v>
      </c>
      <c r="E1033" s="10" t="s">
        <v>1362</v>
      </c>
      <c r="F1033" s="10" t="s">
        <v>1363</v>
      </c>
      <c r="G1033" s="10" t="s">
        <v>1364</v>
      </c>
      <c r="H1033" s="10" t="s">
        <v>1360</v>
      </c>
      <c r="I1033" s="11">
        <v>44941</v>
      </c>
    </row>
    <row r="1034" spans="1:9" x14ac:dyDescent="0.2">
      <c r="A1034" s="10">
        <v>1135</v>
      </c>
      <c r="B1034" s="10" t="s">
        <v>463</v>
      </c>
      <c r="C1034" s="10" t="s">
        <v>464</v>
      </c>
      <c r="D1034" s="10" t="s">
        <v>465</v>
      </c>
      <c r="E1034" s="10" t="s">
        <v>466</v>
      </c>
      <c r="F1034" s="10" t="s">
        <v>467</v>
      </c>
      <c r="G1034" s="10" t="s">
        <v>468</v>
      </c>
      <c r="H1034" s="10" t="s">
        <v>464</v>
      </c>
      <c r="I1034" s="11">
        <v>44891</v>
      </c>
    </row>
    <row r="1035" spans="1:9" x14ac:dyDescent="0.2">
      <c r="A1035" s="10">
        <v>2463</v>
      </c>
      <c r="B1035" s="10" t="s">
        <v>2902</v>
      </c>
      <c r="C1035" s="10" t="s">
        <v>2903</v>
      </c>
      <c r="D1035" s="10" t="s">
        <v>2904</v>
      </c>
      <c r="E1035" s="10" t="s">
        <v>2905</v>
      </c>
      <c r="F1035" s="10" t="s">
        <v>2906</v>
      </c>
      <c r="G1035" s="10" t="s">
        <v>2907</v>
      </c>
      <c r="H1035" s="10" t="s">
        <v>1665</v>
      </c>
      <c r="I1035" s="11">
        <v>44305</v>
      </c>
    </row>
    <row r="1036" spans="1:9" x14ac:dyDescent="0.2">
      <c r="A1036" s="10">
        <v>1877</v>
      </c>
      <c r="B1036" s="10" t="s">
        <v>1442</v>
      </c>
      <c r="C1036" s="10" t="s">
        <v>1443</v>
      </c>
      <c r="D1036" s="10" t="s">
        <v>1444</v>
      </c>
      <c r="E1036" s="10" t="s">
        <v>1445</v>
      </c>
      <c r="F1036" s="10" t="s">
        <v>1446</v>
      </c>
      <c r="G1036" s="10" t="s">
        <v>1447</v>
      </c>
      <c r="H1036" s="10" t="s">
        <v>1448</v>
      </c>
      <c r="I1036" s="11">
        <v>45011</v>
      </c>
    </row>
    <row r="1037" spans="1:9" x14ac:dyDescent="0.2">
      <c r="A1037" s="10">
        <v>3029</v>
      </c>
      <c r="B1037" s="10" t="s">
        <v>5985</v>
      </c>
      <c r="C1037" s="10" t="s">
        <v>5986</v>
      </c>
      <c r="D1037" s="10" t="s">
        <v>2244</v>
      </c>
      <c r="E1037" s="10" t="s">
        <v>5987</v>
      </c>
      <c r="F1037" s="10" t="s">
        <v>5988</v>
      </c>
      <c r="G1037" s="10" t="s">
        <v>5989</v>
      </c>
      <c r="H1037" s="10" t="s">
        <v>5990</v>
      </c>
      <c r="I1037" s="11">
        <v>45218</v>
      </c>
    </row>
    <row r="1038" spans="1:9" x14ac:dyDescent="0.2">
      <c r="A1038" s="10">
        <v>3338</v>
      </c>
      <c r="B1038" s="10" t="s">
        <v>7682</v>
      </c>
      <c r="C1038" s="10" t="s">
        <v>35</v>
      </c>
      <c r="D1038" s="10" t="s">
        <v>7683</v>
      </c>
      <c r="E1038" s="10" t="s">
        <v>7684</v>
      </c>
      <c r="F1038" s="10" t="s">
        <v>7685</v>
      </c>
      <c r="G1038" s="10" t="s">
        <v>7686</v>
      </c>
      <c r="H1038" s="10" t="s">
        <v>7687</v>
      </c>
      <c r="I1038" s="11">
        <v>45610</v>
      </c>
    </row>
    <row r="1039" spans="1:9" x14ac:dyDescent="0.2">
      <c r="A1039" s="10">
        <v>2479</v>
      </c>
      <c r="B1039" s="10" t="s">
        <v>2986</v>
      </c>
      <c r="C1039" s="10" t="s">
        <v>2987</v>
      </c>
      <c r="D1039" s="10" t="s">
        <v>2988</v>
      </c>
      <c r="E1039" s="10" t="s">
        <v>2989</v>
      </c>
      <c r="F1039" s="10" t="s">
        <v>2990</v>
      </c>
      <c r="G1039" s="10" t="s">
        <v>2991</v>
      </c>
      <c r="H1039" s="10" t="s">
        <v>2987</v>
      </c>
      <c r="I1039" s="11">
        <v>44312</v>
      </c>
    </row>
    <row r="1040" spans="1:9" x14ac:dyDescent="0.2">
      <c r="A1040" s="10">
        <v>1976</v>
      </c>
      <c r="B1040" s="10" t="s">
        <v>1635</v>
      </c>
      <c r="C1040" s="10" t="s">
        <v>1636</v>
      </c>
      <c r="D1040" s="10" t="s">
        <v>1637</v>
      </c>
      <c r="E1040" s="10" t="s">
        <v>1638</v>
      </c>
      <c r="F1040" s="10" t="s">
        <v>1639</v>
      </c>
      <c r="G1040" s="10" t="s">
        <v>1640</v>
      </c>
      <c r="H1040" s="10" t="s">
        <v>1636</v>
      </c>
      <c r="I1040" s="11">
        <v>45249</v>
      </c>
    </row>
    <row r="1041" spans="1:9" x14ac:dyDescent="0.2">
      <c r="A1041" s="10">
        <v>3261</v>
      </c>
      <c r="B1041" s="10" t="s">
        <v>7244</v>
      </c>
      <c r="C1041" s="10" t="s">
        <v>7245</v>
      </c>
      <c r="D1041" s="10" t="s">
        <v>1226</v>
      </c>
      <c r="E1041" s="10" t="s">
        <v>7246</v>
      </c>
      <c r="F1041" s="10" t="s">
        <v>7247</v>
      </c>
      <c r="G1041" s="10" t="s">
        <v>1640</v>
      </c>
      <c r="H1041" s="10" t="s">
        <v>7245</v>
      </c>
      <c r="I1041" s="11">
        <v>45505</v>
      </c>
    </row>
    <row r="1042" spans="1:9" x14ac:dyDescent="0.2">
      <c r="A1042" s="13">
        <v>3421</v>
      </c>
      <c r="B1042" s="10" t="s">
        <v>8161</v>
      </c>
      <c r="C1042" s="10" t="s">
        <v>8162</v>
      </c>
      <c r="D1042" s="10" t="s">
        <v>8163</v>
      </c>
      <c r="E1042" s="10" t="s">
        <v>8164</v>
      </c>
      <c r="F1042" s="10" t="s">
        <v>8165</v>
      </c>
      <c r="G1042" s="10" t="s">
        <v>8166</v>
      </c>
      <c r="H1042" s="10" t="s">
        <v>8162</v>
      </c>
      <c r="I1042" s="11">
        <v>45729</v>
      </c>
    </row>
    <row r="1043" spans="1:9" x14ac:dyDescent="0.2">
      <c r="A1043" s="10">
        <v>2646</v>
      </c>
      <c r="B1043" s="10" t="s">
        <v>3871</v>
      </c>
      <c r="C1043" s="10" t="s">
        <v>3872</v>
      </c>
      <c r="D1043" s="10" t="s">
        <v>3807</v>
      </c>
      <c r="E1043" s="10" t="s">
        <v>3873</v>
      </c>
      <c r="F1043" s="10" t="s">
        <v>3874</v>
      </c>
      <c r="G1043" s="10" t="s">
        <v>3875</v>
      </c>
      <c r="H1043" s="10" t="s">
        <v>3876</v>
      </c>
      <c r="I1043" s="11">
        <v>44599</v>
      </c>
    </row>
    <row r="1044" spans="1:9" x14ac:dyDescent="0.2">
      <c r="A1044" s="10">
        <v>1588</v>
      </c>
      <c r="B1044" s="10" t="s">
        <v>901</v>
      </c>
      <c r="C1044" s="10" t="s">
        <v>902</v>
      </c>
      <c r="D1044" s="10" t="s">
        <v>42</v>
      </c>
      <c r="E1044" s="10" t="s">
        <v>903</v>
      </c>
      <c r="F1044" s="10" t="s">
        <v>904</v>
      </c>
      <c r="G1044" s="10" t="s">
        <v>905</v>
      </c>
      <c r="H1044" s="10" t="s">
        <v>902</v>
      </c>
      <c r="I1044" s="11">
        <v>44355</v>
      </c>
    </row>
    <row r="1045" spans="1:9" x14ac:dyDescent="0.2">
      <c r="A1045" s="10">
        <v>2572</v>
      </c>
      <c r="B1045" s="10" t="s">
        <v>901</v>
      </c>
      <c r="C1045" s="10" t="s">
        <v>3464</v>
      </c>
      <c r="D1045" s="10" t="s">
        <v>3465</v>
      </c>
      <c r="E1045" s="10" t="s">
        <v>3466</v>
      </c>
      <c r="F1045" s="10" t="s">
        <v>3467</v>
      </c>
      <c r="G1045" s="10" t="s">
        <v>905</v>
      </c>
      <c r="H1045" s="10" t="s">
        <v>3464</v>
      </c>
      <c r="I1045" s="11">
        <v>44480</v>
      </c>
    </row>
    <row r="1046" spans="1:9" x14ac:dyDescent="0.2">
      <c r="A1046" s="13">
        <v>3467</v>
      </c>
      <c r="B1046" s="10" t="s">
        <v>8413</v>
      </c>
      <c r="C1046" s="10" t="s">
        <v>8414</v>
      </c>
      <c r="D1046" s="10" t="s">
        <v>5026</v>
      </c>
      <c r="E1046" s="10" t="s">
        <v>5027</v>
      </c>
      <c r="F1046" s="10" t="s">
        <v>8415</v>
      </c>
      <c r="G1046" s="10" t="s">
        <v>8416</v>
      </c>
      <c r="H1046" s="10" t="s">
        <v>8414</v>
      </c>
      <c r="I1046" s="11">
        <v>45775</v>
      </c>
    </row>
    <row r="1047" spans="1:9" x14ac:dyDescent="0.2">
      <c r="A1047" s="10">
        <v>3019</v>
      </c>
      <c r="B1047" s="10" t="s">
        <v>5927</v>
      </c>
      <c r="C1047" s="10" t="s">
        <v>5928</v>
      </c>
      <c r="D1047" s="10" t="s">
        <v>24</v>
      </c>
      <c r="E1047" s="10" t="s">
        <v>5929</v>
      </c>
      <c r="F1047" s="10" t="s">
        <v>5930</v>
      </c>
      <c r="G1047" s="10" t="s">
        <v>5931</v>
      </c>
      <c r="H1047" s="10" t="s">
        <v>5932</v>
      </c>
      <c r="I1047" s="11">
        <v>45197</v>
      </c>
    </row>
    <row r="1048" spans="1:9" x14ac:dyDescent="0.2">
      <c r="A1048" s="14">
        <v>3619</v>
      </c>
      <c r="B1048" s="15" t="s">
        <v>9273</v>
      </c>
      <c r="C1048" s="10" t="s">
        <v>9274</v>
      </c>
      <c r="D1048" s="15" t="s">
        <v>854</v>
      </c>
      <c r="E1048" s="10" t="s">
        <v>9275</v>
      </c>
      <c r="F1048" s="10" t="s">
        <v>9276</v>
      </c>
      <c r="G1048" s="10" t="s">
        <v>9277</v>
      </c>
      <c r="H1048" s="10" t="s">
        <v>9274</v>
      </c>
      <c r="I1048" s="11">
        <v>46009</v>
      </c>
    </row>
    <row r="1049" spans="1:9" x14ac:dyDescent="0.2">
      <c r="A1049" s="10">
        <v>3143</v>
      </c>
      <c r="B1049" s="10" t="s">
        <v>6608</v>
      </c>
      <c r="C1049" s="10" t="s">
        <v>35</v>
      </c>
      <c r="D1049" s="10" t="s">
        <v>6609</v>
      </c>
      <c r="E1049" s="10" t="s">
        <v>6610</v>
      </c>
      <c r="F1049" s="10" t="s">
        <v>6611</v>
      </c>
      <c r="G1049" s="10" t="s">
        <v>6612</v>
      </c>
      <c r="H1049" s="10" t="s">
        <v>6613</v>
      </c>
      <c r="I1049" s="11">
        <v>45355</v>
      </c>
    </row>
    <row r="1050" spans="1:9" x14ac:dyDescent="0.2">
      <c r="A1050" s="10">
        <v>2729</v>
      </c>
      <c r="B1050" s="10" t="s">
        <v>4303</v>
      </c>
      <c r="C1050" s="10" t="s">
        <v>4304</v>
      </c>
      <c r="D1050" s="10" t="s">
        <v>4305</v>
      </c>
      <c r="E1050" s="10" t="s">
        <v>4306</v>
      </c>
      <c r="F1050" s="10" t="s">
        <v>4307</v>
      </c>
      <c r="G1050" s="10" t="s">
        <v>4308</v>
      </c>
      <c r="H1050" s="10" t="s">
        <v>4304</v>
      </c>
      <c r="I1050" s="11">
        <v>44732</v>
      </c>
    </row>
    <row r="1051" spans="1:9" x14ac:dyDescent="0.2">
      <c r="A1051" s="10">
        <v>2890</v>
      </c>
      <c r="B1051" s="10" t="s">
        <v>5204</v>
      </c>
      <c r="C1051" s="10" t="s">
        <v>35</v>
      </c>
      <c r="D1051" s="10" t="s">
        <v>5205</v>
      </c>
      <c r="E1051" s="10" t="s">
        <v>5206</v>
      </c>
      <c r="F1051" s="10" t="s">
        <v>5207</v>
      </c>
      <c r="G1051" s="10" t="s">
        <v>5208</v>
      </c>
      <c r="H1051" s="10" t="s">
        <v>5209</v>
      </c>
      <c r="I1051" s="11">
        <v>45012</v>
      </c>
    </row>
    <row r="1052" spans="1:9" x14ac:dyDescent="0.2">
      <c r="A1052" s="10">
        <v>2297</v>
      </c>
      <c r="B1052" s="10" t="s">
        <v>2248</v>
      </c>
      <c r="C1052" s="10" t="s">
        <v>2249</v>
      </c>
      <c r="D1052" s="10" t="s">
        <v>2250</v>
      </c>
      <c r="E1052" s="10" t="s">
        <v>2251</v>
      </c>
      <c r="F1052" s="10" t="s">
        <v>2252</v>
      </c>
      <c r="G1052" s="10" t="s">
        <v>2253</v>
      </c>
      <c r="H1052" s="10" t="s">
        <v>2249</v>
      </c>
      <c r="I1052" s="11">
        <v>45880</v>
      </c>
    </row>
    <row r="1053" spans="1:9" x14ac:dyDescent="0.2">
      <c r="A1053" s="10">
        <v>117</v>
      </c>
      <c r="B1053" s="10" t="s">
        <v>72</v>
      </c>
      <c r="C1053" s="10" t="s">
        <v>35</v>
      </c>
      <c r="D1053" s="10" t="s">
        <v>73</v>
      </c>
      <c r="E1053" s="10" t="s">
        <v>74</v>
      </c>
      <c r="F1053" s="10" t="s">
        <v>75</v>
      </c>
      <c r="G1053" s="10" t="s">
        <v>76</v>
      </c>
      <c r="H1053" s="10" t="s">
        <v>77</v>
      </c>
      <c r="I1053" s="11">
        <v>44551</v>
      </c>
    </row>
    <row r="1054" spans="1:9" x14ac:dyDescent="0.2">
      <c r="A1054" s="10">
        <v>2369</v>
      </c>
      <c r="B1054" s="10" t="s">
        <v>2424</v>
      </c>
      <c r="C1054" s="10" t="s">
        <v>35</v>
      </c>
      <c r="D1054" s="10" t="s">
        <v>2425</v>
      </c>
      <c r="E1054" s="10" t="s">
        <v>2426</v>
      </c>
      <c r="F1054" s="10" t="s">
        <v>2427</v>
      </c>
      <c r="G1054" s="10" t="s">
        <v>2428</v>
      </c>
      <c r="H1054" s="10" t="s">
        <v>2429</v>
      </c>
      <c r="I1054" s="11">
        <v>44203</v>
      </c>
    </row>
    <row r="1055" spans="1:9" x14ac:dyDescent="0.2">
      <c r="A1055" s="10">
        <v>13</v>
      </c>
      <c r="B1055" s="10" t="s">
        <v>9</v>
      </c>
      <c r="C1055" s="10" t="s">
        <v>10</v>
      </c>
      <c r="D1055" s="10" t="s">
        <v>11</v>
      </c>
      <c r="E1055" s="10" t="s">
        <v>12</v>
      </c>
      <c r="F1055" s="10" t="s">
        <v>13</v>
      </c>
      <c r="G1055" s="10" t="s">
        <v>14</v>
      </c>
      <c r="H1055" s="10" t="s">
        <v>15</v>
      </c>
      <c r="I1055" s="11">
        <v>44400</v>
      </c>
    </row>
    <row r="1056" spans="1:9" x14ac:dyDescent="0.2">
      <c r="A1056" s="10">
        <v>1721</v>
      </c>
      <c r="B1056" s="10" t="s">
        <v>1141</v>
      </c>
      <c r="C1056" s="10" t="s">
        <v>35</v>
      </c>
      <c r="D1056" s="10" t="s">
        <v>1142</v>
      </c>
      <c r="E1056" s="10" t="s">
        <v>1143</v>
      </c>
      <c r="F1056" s="10" t="s">
        <v>1144</v>
      </c>
      <c r="G1056" s="10" t="s">
        <v>1145</v>
      </c>
      <c r="H1056" s="10" t="s">
        <v>1146</v>
      </c>
      <c r="I1056" s="11">
        <v>44657</v>
      </c>
    </row>
    <row r="1057" spans="1:9" x14ac:dyDescent="0.2">
      <c r="A1057" s="10">
        <v>2675</v>
      </c>
      <c r="B1057" s="10" t="s">
        <v>4014</v>
      </c>
      <c r="C1057" s="10" t="s">
        <v>4015</v>
      </c>
      <c r="D1057" s="10" t="s">
        <v>4016</v>
      </c>
      <c r="E1057" s="10" t="s">
        <v>4017</v>
      </c>
      <c r="F1057" s="10" t="s">
        <v>4018</v>
      </c>
      <c r="G1057" s="10" t="s">
        <v>4019</v>
      </c>
      <c r="H1057" s="10" t="s">
        <v>4020</v>
      </c>
      <c r="I1057" s="11">
        <v>44651</v>
      </c>
    </row>
    <row r="1058" spans="1:9" x14ac:dyDescent="0.2">
      <c r="A1058" s="10">
        <v>2832</v>
      </c>
      <c r="B1058" s="10" t="s">
        <v>4871</v>
      </c>
      <c r="C1058" s="10" t="s">
        <v>35</v>
      </c>
      <c r="D1058" s="10" t="s">
        <v>4872</v>
      </c>
      <c r="E1058" s="10" t="s">
        <v>4873</v>
      </c>
      <c r="F1058" s="10" t="s">
        <v>4874</v>
      </c>
      <c r="G1058" s="10" t="s">
        <v>4875</v>
      </c>
      <c r="H1058" s="10" t="s">
        <v>4876</v>
      </c>
      <c r="I1058" s="11">
        <v>44896</v>
      </c>
    </row>
    <row r="1059" spans="1:9" x14ac:dyDescent="0.2">
      <c r="A1059" s="10">
        <v>3278</v>
      </c>
      <c r="B1059" s="10" t="s">
        <v>7334</v>
      </c>
      <c r="C1059" s="10" t="s">
        <v>7335</v>
      </c>
      <c r="D1059" s="10" t="s">
        <v>212</v>
      </c>
      <c r="E1059" s="10" t="s">
        <v>7336</v>
      </c>
      <c r="F1059" s="10" t="s">
        <v>7337</v>
      </c>
      <c r="G1059" s="10" t="s">
        <v>7338</v>
      </c>
      <c r="H1059" s="10" t="s">
        <v>7335</v>
      </c>
      <c r="I1059" s="11">
        <v>45533</v>
      </c>
    </row>
    <row r="1060" spans="1:9" x14ac:dyDescent="0.2">
      <c r="A1060" s="10">
        <v>3302</v>
      </c>
      <c r="B1060" s="10" t="s">
        <v>7469</v>
      </c>
      <c r="C1060" s="10" t="s">
        <v>7470</v>
      </c>
      <c r="D1060" s="10" t="s">
        <v>7471</v>
      </c>
      <c r="E1060" s="10" t="s">
        <v>7472</v>
      </c>
      <c r="F1060" s="10" t="s">
        <v>7473</v>
      </c>
      <c r="G1060" s="10" t="s">
        <v>7474</v>
      </c>
      <c r="H1060" s="10" t="s">
        <v>7475</v>
      </c>
      <c r="I1060" s="11">
        <v>45572</v>
      </c>
    </row>
    <row r="1061" spans="1:9" x14ac:dyDescent="0.2">
      <c r="A1061" s="10">
        <v>2836</v>
      </c>
      <c r="B1061" s="10" t="s">
        <v>4895</v>
      </c>
      <c r="C1061" s="10" t="s">
        <v>4896</v>
      </c>
      <c r="D1061" s="10" t="s">
        <v>4897</v>
      </c>
      <c r="E1061" s="10" t="s">
        <v>4898</v>
      </c>
      <c r="F1061" s="10" t="s">
        <v>4899</v>
      </c>
      <c r="G1061" s="10" t="s">
        <v>4900</v>
      </c>
      <c r="H1061" s="10" t="s">
        <v>4901</v>
      </c>
      <c r="I1061" s="11">
        <v>44903</v>
      </c>
    </row>
    <row r="1062" spans="1:9" x14ac:dyDescent="0.2">
      <c r="A1062" s="10">
        <v>2968</v>
      </c>
      <c r="B1062" s="10" t="s">
        <v>5623</v>
      </c>
      <c r="C1062" s="10" t="s">
        <v>5624</v>
      </c>
      <c r="D1062" s="10" t="s">
        <v>5625</v>
      </c>
      <c r="E1062" s="10" t="s">
        <v>5626</v>
      </c>
      <c r="F1062" s="10" t="s">
        <v>5627</v>
      </c>
      <c r="G1062" s="10" t="s">
        <v>5628</v>
      </c>
      <c r="H1062" s="10" t="s">
        <v>5629</v>
      </c>
      <c r="I1062" s="11">
        <v>45120</v>
      </c>
    </row>
    <row r="1063" spans="1:9" x14ac:dyDescent="0.2">
      <c r="A1063" s="10">
        <v>1862</v>
      </c>
      <c r="B1063" s="10" t="s">
        <v>1401</v>
      </c>
      <c r="C1063" s="10" t="s">
        <v>1402</v>
      </c>
      <c r="D1063" s="10" t="s">
        <v>1403</v>
      </c>
      <c r="E1063" s="10" t="s">
        <v>1404</v>
      </c>
      <c r="F1063" s="10" t="s">
        <v>1405</v>
      </c>
      <c r="G1063" s="10" t="s">
        <v>1406</v>
      </c>
      <c r="H1063" s="10" t="s">
        <v>1402</v>
      </c>
      <c r="I1063" s="11">
        <v>44990</v>
      </c>
    </row>
    <row r="1064" spans="1:9" x14ac:dyDescent="0.2">
      <c r="A1064" s="10">
        <v>3200</v>
      </c>
      <c r="B1064" s="10" t="s">
        <v>6904</v>
      </c>
      <c r="C1064" s="10" t="s">
        <v>6905</v>
      </c>
      <c r="D1064" s="10" t="s">
        <v>6906</v>
      </c>
      <c r="E1064" s="10" t="s">
        <v>6907</v>
      </c>
      <c r="F1064" s="10" t="s">
        <v>6908</v>
      </c>
      <c r="G1064" s="10" t="s">
        <v>6909</v>
      </c>
      <c r="H1064" s="10" t="s">
        <v>6905</v>
      </c>
      <c r="I1064" s="11">
        <v>45428</v>
      </c>
    </row>
    <row r="1065" spans="1:9" x14ac:dyDescent="0.2">
      <c r="A1065" s="10">
        <v>3061</v>
      </c>
      <c r="B1065" s="10" t="s">
        <v>6152</v>
      </c>
      <c r="C1065" s="10" t="s">
        <v>35</v>
      </c>
      <c r="D1065" s="10" t="s">
        <v>3101</v>
      </c>
      <c r="E1065" s="10" t="s">
        <v>6153</v>
      </c>
      <c r="F1065" s="10" t="s">
        <v>6154</v>
      </c>
      <c r="G1065" s="10" t="s">
        <v>6155</v>
      </c>
      <c r="H1065" s="10" t="s">
        <v>6156</v>
      </c>
      <c r="I1065" s="11">
        <v>45257</v>
      </c>
    </row>
    <row r="1066" spans="1:9" x14ac:dyDescent="0.2">
      <c r="A1066" s="10">
        <v>3161</v>
      </c>
      <c r="B1066" s="10" t="s">
        <v>6709</v>
      </c>
      <c r="C1066" s="10" t="s">
        <v>35</v>
      </c>
      <c r="D1066" s="10" t="s">
        <v>6710</v>
      </c>
      <c r="E1066" s="10" t="s">
        <v>6711</v>
      </c>
      <c r="F1066" s="10" t="s">
        <v>6712</v>
      </c>
      <c r="G1066" s="10" t="s">
        <v>6713</v>
      </c>
      <c r="H1066" s="10" t="s">
        <v>6714</v>
      </c>
      <c r="I1066" s="11">
        <v>45379</v>
      </c>
    </row>
    <row r="1067" spans="1:9" x14ac:dyDescent="0.2">
      <c r="A1067" s="10">
        <v>987</v>
      </c>
      <c r="B1067" s="10" t="s">
        <v>353</v>
      </c>
      <c r="C1067" s="10" t="s">
        <v>35</v>
      </c>
      <c r="D1067" s="10" t="s">
        <v>354</v>
      </c>
      <c r="E1067" s="10" t="s">
        <v>355</v>
      </c>
      <c r="F1067" s="10" t="s">
        <v>356</v>
      </c>
      <c r="G1067" s="10" t="s">
        <v>357</v>
      </c>
      <c r="H1067" s="10" t="s">
        <v>358</v>
      </c>
      <c r="I1067" s="11">
        <v>44311</v>
      </c>
    </row>
    <row r="1068" spans="1:9" x14ac:dyDescent="0.2">
      <c r="A1068" s="14">
        <v>3581</v>
      </c>
      <c r="B1068" s="15" t="s">
        <v>9058</v>
      </c>
      <c r="C1068" s="10" t="s">
        <v>9059</v>
      </c>
      <c r="D1068" s="15" t="s">
        <v>4742</v>
      </c>
      <c r="E1068" s="10" t="s">
        <v>9060</v>
      </c>
      <c r="F1068" s="10" t="s">
        <v>9061</v>
      </c>
      <c r="G1068" s="10" t="s">
        <v>9062</v>
      </c>
      <c r="H1068" s="10" t="s">
        <v>9063</v>
      </c>
      <c r="I1068" s="11">
        <v>45967</v>
      </c>
    </row>
    <row r="1069" spans="1:9" x14ac:dyDescent="0.2">
      <c r="A1069" s="10">
        <v>3118</v>
      </c>
      <c r="B1069" s="10" t="s">
        <v>6485</v>
      </c>
      <c r="C1069" s="10" t="s">
        <v>6486</v>
      </c>
      <c r="D1069" s="10" t="s">
        <v>6147</v>
      </c>
      <c r="E1069" s="10" t="s">
        <v>6487</v>
      </c>
      <c r="F1069" s="10" t="s">
        <v>6488</v>
      </c>
      <c r="G1069" s="10" t="s">
        <v>6489</v>
      </c>
      <c r="H1069" s="10" t="s">
        <v>6490</v>
      </c>
      <c r="I1069" s="11">
        <v>45313</v>
      </c>
    </row>
    <row r="1070" spans="1:9" x14ac:dyDescent="0.2">
      <c r="A1070" s="10">
        <v>3379</v>
      </c>
      <c r="B1070" s="10" t="s">
        <v>7920</v>
      </c>
      <c r="C1070" s="10" t="s">
        <v>7921</v>
      </c>
      <c r="D1070" s="10" t="s">
        <v>4334</v>
      </c>
      <c r="E1070" s="10" t="s">
        <v>7922</v>
      </c>
      <c r="F1070" s="10" t="s">
        <v>7923</v>
      </c>
      <c r="G1070" s="10" t="s">
        <v>7924</v>
      </c>
      <c r="H1070" s="10" t="s">
        <v>7925</v>
      </c>
      <c r="I1070" s="11">
        <v>45666</v>
      </c>
    </row>
    <row r="1071" spans="1:9" x14ac:dyDescent="0.2">
      <c r="A1071" s="10">
        <v>3297</v>
      </c>
      <c r="B1071" s="10" t="s">
        <v>7440</v>
      </c>
      <c r="C1071" s="10" t="s">
        <v>7441</v>
      </c>
      <c r="D1071" s="10" t="s">
        <v>7442</v>
      </c>
      <c r="E1071" s="10" t="s">
        <v>7443</v>
      </c>
      <c r="F1071" s="10" t="s">
        <v>7444</v>
      </c>
      <c r="G1071" s="10" t="s">
        <v>7445</v>
      </c>
      <c r="H1071" s="10" t="s">
        <v>7441</v>
      </c>
      <c r="I1071" s="11">
        <v>45568</v>
      </c>
    </row>
    <row r="1072" spans="1:9" x14ac:dyDescent="0.2">
      <c r="A1072" s="10">
        <v>2212</v>
      </c>
      <c r="B1072" s="10" t="s">
        <v>2068</v>
      </c>
      <c r="C1072" s="10" t="s">
        <v>2069</v>
      </c>
      <c r="D1072" s="10" t="s">
        <v>55</v>
      </c>
      <c r="E1072" s="10" t="s">
        <v>2070</v>
      </c>
      <c r="F1072" s="10" t="s">
        <v>2071</v>
      </c>
      <c r="G1072" s="10" t="s">
        <v>2072</v>
      </c>
      <c r="H1072" s="10" t="s">
        <v>2069</v>
      </c>
      <c r="I1072" s="11">
        <v>45746</v>
      </c>
    </row>
    <row r="1073" spans="1:9" x14ac:dyDescent="0.2">
      <c r="A1073" s="10">
        <v>2714</v>
      </c>
      <c r="B1073" s="10" t="s">
        <v>4221</v>
      </c>
      <c r="C1073" s="10" t="s">
        <v>4222</v>
      </c>
      <c r="D1073" s="10" t="s">
        <v>4223</v>
      </c>
      <c r="E1073" s="10" t="s">
        <v>4224</v>
      </c>
      <c r="F1073" s="10" t="s">
        <v>4225</v>
      </c>
      <c r="G1073" s="10" t="s">
        <v>4226</v>
      </c>
      <c r="H1073" s="10" t="s">
        <v>4222</v>
      </c>
      <c r="I1073" s="11">
        <v>44721</v>
      </c>
    </row>
    <row r="1074" spans="1:9" x14ac:dyDescent="0.2">
      <c r="A1074" s="10">
        <v>3246</v>
      </c>
      <c r="B1074" s="10" t="s">
        <v>7157</v>
      </c>
      <c r="C1074" s="10" t="s">
        <v>7158</v>
      </c>
      <c r="D1074" s="10" t="s">
        <v>7159</v>
      </c>
      <c r="E1074" s="10" t="s">
        <v>7160</v>
      </c>
      <c r="F1074" s="10" t="s">
        <v>7161</v>
      </c>
      <c r="G1074" s="10" t="s">
        <v>7162</v>
      </c>
      <c r="H1074" s="10" t="s">
        <v>7158</v>
      </c>
      <c r="I1074" s="11">
        <v>45484</v>
      </c>
    </row>
    <row r="1075" spans="1:9" x14ac:dyDescent="0.2">
      <c r="A1075" s="10">
        <v>1274</v>
      </c>
      <c r="B1075" s="10" t="s">
        <v>596</v>
      </c>
      <c r="C1075" s="10" t="s">
        <v>35</v>
      </c>
      <c r="D1075" s="10" t="s">
        <v>597</v>
      </c>
      <c r="E1075" s="10" t="s">
        <v>598</v>
      </c>
      <c r="F1075" s="10" t="s">
        <v>599</v>
      </c>
      <c r="G1075" s="10" t="s">
        <v>600</v>
      </c>
      <c r="H1075" s="10" t="s">
        <v>601</v>
      </c>
      <c r="I1075" s="11">
        <v>45346</v>
      </c>
    </row>
    <row r="1076" spans="1:9" x14ac:dyDescent="0.2">
      <c r="A1076" s="10">
        <v>2502</v>
      </c>
      <c r="B1076" s="10" t="s">
        <v>3118</v>
      </c>
      <c r="C1076" s="10" t="s">
        <v>3119</v>
      </c>
      <c r="D1076" s="10" t="s">
        <v>3120</v>
      </c>
      <c r="E1076" s="10" t="s">
        <v>3121</v>
      </c>
      <c r="F1076" s="10" t="s">
        <v>3122</v>
      </c>
      <c r="G1076" s="10" t="s">
        <v>3123</v>
      </c>
      <c r="H1076" s="10" t="s">
        <v>3119</v>
      </c>
      <c r="I1076" s="11">
        <v>44347</v>
      </c>
    </row>
    <row r="1077" spans="1:9" x14ac:dyDescent="0.2">
      <c r="A1077" s="13">
        <v>3438</v>
      </c>
      <c r="B1077" s="10" t="s">
        <v>8260</v>
      </c>
      <c r="C1077" s="10" t="s">
        <v>8261</v>
      </c>
      <c r="D1077" s="10" t="s">
        <v>4334</v>
      </c>
      <c r="E1077" s="10" t="s">
        <v>8228</v>
      </c>
      <c r="F1077" s="10" t="s">
        <v>8262</v>
      </c>
      <c r="G1077" s="10" t="s">
        <v>8263</v>
      </c>
      <c r="H1077" s="10" t="s">
        <v>8264</v>
      </c>
      <c r="I1077" s="11">
        <v>45764</v>
      </c>
    </row>
    <row r="1078" spans="1:9" x14ac:dyDescent="0.2">
      <c r="A1078" s="10">
        <v>3154</v>
      </c>
      <c r="B1078" s="10" t="s">
        <v>6666</v>
      </c>
      <c r="C1078" s="10" t="s">
        <v>6667</v>
      </c>
      <c r="D1078" s="10" t="s">
        <v>6668</v>
      </c>
      <c r="E1078" s="10" t="s">
        <v>6669</v>
      </c>
      <c r="F1078" s="10" t="s">
        <v>6670</v>
      </c>
      <c r="G1078" s="10" t="s">
        <v>6671</v>
      </c>
      <c r="H1078" s="10" t="s">
        <v>6672</v>
      </c>
      <c r="I1078" s="11">
        <v>45365</v>
      </c>
    </row>
    <row r="1079" spans="1:9" x14ac:dyDescent="0.2">
      <c r="A1079" s="10">
        <v>2935</v>
      </c>
      <c r="B1079" s="10" t="s">
        <v>5461</v>
      </c>
      <c r="C1079" s="10" t="s">
        <v>5462</v>
      </c>
      <c r="D1079" s="10" t="s">
        <v>2179</v>
      </c>
      <c r="E1079" s="10" t="s">
        <v>5463</v>
      </c>
      <c r="F1079" s="10" t="s">
        <v>5464</v>
      </c>
      <c r="G1079" s="10" t="s">
        <v>5465</v>
      </c>
      <c r="H1079" s="10" t="s">
        <v>5466</v>
      </c>
      <c r="I1079" s="11">
        <v>45085</v>
      </c>
    </row>
    <row r="1080" spans="1:9" x14ac:dyDescent="0.2">
      <c r="A1080" s="10">
        <v>2801</v>
      </c>
      <c r="B1080" s="10" t="s">
        <v>4712</v>
      </c>
      <c r="C1080" s="10" t="s">
        <v>4713</v>
      </c>
      <c r="D1080" s="10" t="s">
        <v>4714</v>
      </c>
      <c r="E1080" s="10" t="s">
        <v>4715</v>
      </c>
      <c r="F1080" s="10" t="s">
        <v>4716</v>
      </c>
      <c r="G1080" s="10" t="s">
        <v>4717</v>
      </c>
      <c r="H1080" s="10" t="s">
        <v>4718</v>
      </c>
      <c r="I1080" s="11">
        <v>44847</v>
      </c>
    </row>
    <row r="1081" spans="1:9" x14ac:dyDescent="0.2">
      <c r="A1081" s="10">
        <v>1972</v>
      </c>
      <c r="B1081" s="10" t="s">
        <v>1624</v>
      </c>
      <c r="C1081" s="10" t="s">
        <v>1625</v>
      </c>
      <c r="D1081" s="10" t="s">
        <v>1626</v>
      </c>
      <c r="E1081" s="10" t="s">
        <v>1627</v>
      </c>
      <c r="F1081" s="10" t="s">
        <v>1628</v>
      </c>
      <c r="G1081" s="10" t="s">
        <v>1629</v>
      </c>
      <c r="H1081" s="10" t="s">
        <v>1625</v>
      </c>
      <c r="I1081" s="11">
        <v>45235</v>
      </c>
    </row>
    <row r="1082" spans="1:9" x14ac:dyDescent="0.2">
      <c r="A1082" s="10">
        <v>3222</v>
      </c>
      <c r="B1082" s="10" t="s">
        <v>7022</v>
      </c>
      <c r="C1082" s="10" t="s">
        <v>7023</v>
      </c>
      <c r="D1082" s="10" t="s">
        <v>3673</v>
      </c>
      <c r="E1082" s="10" t="s">
        <v>7024</v>
      </c>
      <c r="F1082" s="10" t="s">
        <v>7025</v>
      </c>
      <c r="G1082" s="10" t="s">
        <v>7026</v>
      </c>
      <c r="H1082" s="10" t="s">
        <v>7027</v>
      </c>
      <c r="I1082" s="11">
        <v>45460</v>
      </c>
    </row>
    <row r="1083" spans="1:9" x14ac:dyDescent="0.2">
      <c r="A1083" s="10">
        <v>2721</v>
      </c>
      <c r="B1083" s="10" t="s">
        <v>4256</v>
      </c>
      <c r="C1083" s="10" t="s">
        <v>4181</v>
      </c>
      <c r="D1083" s="10" t="s">
        <v>1840</v>
      </c>
      <c r="E1083" s="10" t="s">
        <v>4257</v>
      </c>
      <c r="F1083" s="10" t="s">
        <v>4258</v>
      </c>
      <c r="G1083" s="10" t="s">
        <v>4259</v>
      </c>
      <c r="H1083" s="10" t="s">
        <v>4181</v>
      </c>
      <c r="I1083" s="11">
        <v>44725</v>
      </c>
    </row>
    <row r="1084" spans="1:9" x14ac:dyDescent="0.2">
      <c r="A1084" s="14">
        <v>3612</v>
      </c>
      <c r="B1084" s="15" t="s">
        <v>9233</v>
      </c>
      <c r="C1084" s="10" t="s">
        <v>4640</v>
      </c>
      <c r="D1084" s="15" t="s">
        <v>4636</v>
      </c>
      <c r="E1084" s="10" t="s">
        <v>9234</v>
      </c>
      <c r="F1084" s="10" t="s">
        <v>9235</v>
      </c>
      <c r="G1084" s="10" t="s">
        <v>9236</v>
      </c>
      <c r="H1084" s="10" t="s">
        <v>4640</v>
      </c>
      <c r="I1084" s="11">
        <v>45995</v>
      </c>
    </row>
    <row r="1085" spans="1:9" x14ac:dyDescent="0.2">
      <c r="A1085" s="10">
        <v>2788</v>
      </c>
      <c r="B1085" s="10" t="s">
        <v>4635</v>
      </c>
      <c r="C1085" s="10" t="s">
        <v>35</v>
      </c>
      <c r="D1085" s="10" t="s">
        <v>4636</v>
      </c>
      <c r="E1085" s="10" t="s">
        <v>4637</v>
      </c>
      <c r="F1085" s="10" t="s">
        <v>4638</v>
      </c>
      <c r="G1085" s="10" t="s">
        <v>4639</v>
      </c>
      <c r="H1085" s="10" t="s">
        <v>4640</v>
      </c>
      <c r="I1085" s="11">
        <v>44819</v>
      </c>
    </row>
    <row r="1086" spans="1:9" x14ac:dyDescent="0.2">
      <c r="A1086" s="10">
        <v>2957</v>
      </c>
      <c r="B1086" s="10" t="s">
        <v>5567</v>
      </c>
      <c r="C1086" s="10" t="s">
        <v>5568</v>
      </c>
      <c r="D1086" s="10" t="s">
        <v>1766</v>
      </c>
      <c r="E1086" s="10" t="s">
        <v>5569</v>
      </c>
      <c r="F1086" s="10" t="s">
        <v>5570</v>
      </c>
      <c r="G1086" s="10" t="s">
        <v>5571</v>
      </c>
      <c r="H1086" s="10" t="s">
        <v>5572</v>
      </c>
      <c r="I1086" s="11">
        <v>45110</v>
      </c>
    </row>
    <row r="1087" spans="1:9" x14ac:dyDescent="0.2">
      <c r="A1087" s="13">
        <v>3440</v>
      </c>
      <c r="B1087" s="10" t="s">
        <v>8265</v>
      </c>
      <c r="C1087" s="10" t="s">
        <v>8266</v>
      </c>
      <c r="D1087" s="10" t="s">
        <v>8267</v>
      </c>
      <c r="E1087" s="10" t="s">
        <v>8268</v>
      </c>
      <c r="F1087" s="10" t="s">
        <v>8269</v>
      </c>
      <c r="G1087" s="10" t="s">
        <v>8270</v>
      </c>
      <c r="H1087" s="10" t="s">
        <v>8271</v>
      </c>
      <c r="I1087" s="11">
        <v>45764</v>
      </c>
    </row>
    <row r="1088" spans="1:9" x14ac:dyDescent="0.2">
      <c r="A1088" s="10">
        <v>2978</v>
      </c>
      <c r="B1088" s="10" t="s">
        <v>5685</v>
      </c>
      <c r="C1088" s="10" t="s">
        <v>5686</v>
      </c>
      <c r="D1088" s="10" t="s">
        <v>2567</v>
      </c>
      <c r="E1088" s="10" t="s">
        <v>5687</v>
      </c>
      <c r="F1088" s="10" t="s">
        <v>5688</v>
      </c>
      <c r="G1088" s="10" t="s">
        <v>5689</v>
      </c>
      <c r="H1088" s="10" t="s">
        <v>5690</v>
      </c>
      <c r="I1088" s="11">
        <v>45127</v>
      </c>
    </row>
    <row r="1089" spans="1:9" x14ac:dyDescent="0.2">
      <c r="A1089" s="10">
        <v>1822</v>
      </c>
      <c r="B1089" s="10" t="s">
        <v>1310</v>
      </c>
      <c r="C1089" s="10" t="s">
        <v>1311</v>
      </c>
      <c r="D1089" s="10" t="s">
        <v>1312</v>
      </c>
      <c r="E1089" s="10" t="s">
        <v>1313</v>
      </c>
      <c r="F1089" s="10" t="s">
        <v>1314</v>
      </c>
      <c r="G1089" s="10" t="s">
        <v>1315</v>
      </c>
      <c r="H1089" s="10" t="s">
        <v>1311</v>
      </c>
      <c r="I1089" s="11">
        <v>44892</v>
      </c>
    </row>
    <row r="1090" spans="1:9" x14ac:dyDescent="0.2">
      <c r="A1090" s="13">
        <v>3503</v>
      </c>
      <c r="B1090" s="10" t="s">
        <v>8615</v>
      </c>
      <c r="C1090" s="10" t="s">
        <v>8616</v>
      </c>
      <c r="D1090" s="10" t="s">
        <v>6073</v>
      </c>
      <c r="E1090" s="10" t="s">
        <v>8617</v>
      </c>
      <c r="F1090" s="10" t="s">
        <v>8618</v>
      </c>
      <c r="G1090" s="10" t="s">
        <v>8619</v>
      </c>
      <c r="H1090" s="10" t="s">
        <v>8620</v>
      </c>
      <c r="I1090" s="11">
        <v>45841</v>
      </c>
    </row>
    <row r="1091" spans="1:9" x14ac:dyDescent="0.2">
      <c r="A1091" s="13">
        <v>3502</v>
      </c>
      <c r="B1091" s="10" t="s">
        <v>8609</v>
      </c>
      <c r="C1091" s="10" t="s">
        <v>8610</v>
      </c>
      <c r="D1091" s="10" t="s">
        <v>2037</v>
      </c>
      <c r="E1091" s="10" t="s">
        <v>8611</v>
      </c>
      <c r="F1091" s="10" t="s">
        <v>8612</v>
      </c>
      <c r="G1091" s="10" t="s">
        <v>8613</v>
      </c>
      <c r="H1091" s="10" t="s">
        <v>8614</v>
      </c>
      <c r="I1091" s="11">
        <v>45820</v>
      </c>
    </row>
    <row r="1092" spans="1:9" x14ac:dyDescent="0.2">
      <c r="A1092" s="10">
        <v>2630</v>
      </c>
      <c r="B1092" s="10" t="s">
        <v>3785</v>
      </c>
      <c r="C1092" s="10" t="s">
        <v>3786</v>
      </c>
      <c r="D1092" s="10" t="s">
        <v>3787</v>
      </c>
      <c r="E1092" s="10" t="s">
        <v>3788</v>
      </c>
      <c r="F1092" s="10" t="s">
        <v>3789</v>
      </c>
      <c r="G1092" s="10" t="s">
        <v>3790</v>
      </c>
      <c r="H1092" s="10" t="s">
        <v>3791</v>
      </c>
      <c r="I1092" s="11">
        <v>44585</v>
      </c>
    </row>
    <row r="1093" spans="1:9" x14ac:dyDescent="0.2">
      <c r="A1093" s="10">
        <v>2265</v>
      </c>
      <c r="B1093" s="10" t="s">
        <v>2189</v>
      </c>
      <c r="C1093" s="10" t="s">
        <v>2190</v>
      </c>
      <c r="D1093" s="10" t="s">
        <v>2191</v>
      </c>
      <c r="E1093" s="10" t="s">
        <v>2192</v>
      </c>
      <c r="F1093" s="10" t="s">
        <v>2193</v>
      </c>
      <c r="G1093" s="10" t="s">
        <v>2194</v>
      </c>
      <c r="H1093" s="10" t="s">
        <v>2195</v>
      </c>
      <c r="I1093" s="11">
        <v>45840</v>
      </c>
    </row>
    <row r="1094" spans="1:9" x14ac:dyDescent="0.2">
      <c r="A1094" s="10">
        <v>1831</v>
      </c>
      <c r="B1094" s="10" t="s">
        <v>1327</v>
      </c>
      <c r="C1094" s="10" t="s">
        <v>1328</v>
      </c>
      <c r="D1094" s="10" t="s">
        <v>1329</v>
      </c>
      <c r="E1094" s="10" t="s">
        <v>1330</v>
      </c>
      <c r="F1094" s="10" t="s">
        <v>1331</v>
      </c>
      <c r="G1094" s="10" t="s">
        <v>1332</v>
      </c>
      <c r="H1094" s="10" t="s">
        <v>1328</v>
      </c>
      <c r="I1094" s="11">
        <v>44913</v>
      </c>
    </row>
    <row r="1095" spans="1:9" x14ac:dyDescent="0.2">
      <c r="A1095" s="10">
        <v>2484</v>
      </c>
      <c r="B1095" s="10" t="s">
        <v>3015</v>
      </c>
      <c r="C1095" s="10" t="s">
        <v>35</v>
      </c>
      <c r="D1095" s="10" t="s">
        <v>3016</v>
      </c>
      <c r="E1095" s="10" t="s">
        <v>3017</v>
      </c>
      <c r="F1095" s="10" t="s">
        <v>3018</v>
      </c>
      <c r="G1095" s="10" t="s">
        <v>3019</v>
      </c>
      <c r="H1095" s="10" t="s">
        <v>3020</v>
      </c>
      <c r="I1095" s="11">
        <v>44312</v>
      </c>
    </row>
    <row r="1096" spans="1:9" x14ac:dyDescent="0.2">
      <c r="A1096" s="10">
        <v>3322</v>
      </c>
      <c r="B1096" s="10" t="s">
        <v>7588</v>
      </c>
      <c r="C1096" s="10" t="s">
        <v>7589</v>
      </c>
      <c r="D1096" s="10" t="s">
        <v>7590</v>
      </c>
      <c r="E1096" s="10" t="s">
        <v>7591</v>
      </c>
      <c r="F1096" s="10" t="s">
        <v>7592</v>
      </c>
      <c r="G1096" s="10" t="s">
        <v>7593</v>
      </c>
      <c r="H1096" s="10" t="s">
        <v>7594</v>
      </c>
      <c r="I1096" s="11">
        <v>45593</v>
      </c>
    </row>
    <row r="1097" spans="1:9" x14ac:dyDescent="0.2">
      <c r="A1097" s="10">
        <v>2916</v>
      </c>
      <c r="B1097" s="10" t="s">
        <v>5353</v>
      </c>
      <c r="C1097" s="10" t="s">
        <v>5354</v>
      </c>
      <c r="D1097" s="10" t="s">
        <v>2904</v>
      </c>
      <c r="E1097" s="10" t="s">
        <v>5355</v>
      </c>
      <c r="F1097" s="10" t="s">
        <v>5356</v>
      </c>
      <c r="G1097" s="10" t="s">
        <v>5357</v>
      </c>
      <c r="H1097" s="10" t="s">
        <v>5358</v>
      </c>
      <c r="I1097" s="11">
        <v>45061</v>
      </c>
    </row>
    <row r="1098" spans="1:9" x14ac:dyDescent="0.2">
      <c r="A1098" s="10">
        <v>1729</v>
      </c>
      <c r="B1098" s="10" t="s">
        <v>1159</v>
      </c>
      <c r="C1098" s="10" t="s">
        <v>1160</v>
      </c>
      <c r="D1098" s="10" t="s">
        <v>1161</v>
      </c>
      <c r="E1098" s="10" t="s">
        <v>1162</v>
      </c>
      <c r="F1098" s="10" t="s">
        <v>1163</v>
      </c>
      <c r="G1098" s="10" t="s">
        <v>1164</v>
      </c>
      <c r="H1098" s="10" t="s">
        <v>1160</v>
      </c>
      <c r="I1098" s="11">
        <v>44675</v>
      </c>
    </row>
    <row r="1099" spans="1:9" x14ac:dyDescent="0.2">
      <c r="A1099" s="10">
        <v>2553</v>
      </c>
      <c r="B1099" s="10" t="s">
        <v>3370</v>
      </c>
      <c r="C1099" s="10" t="s">
        <v>3371</v>
      </c>
      <c r="D1099" s="10" t="s">
        <v>860</v>
      </c>
      <c r="E1099" s="10" t="s">
        <v>3372</v>
      </c>
      <c r="F1099" s="10" t="s">
        <v>2433</v>
      </c>
      <c r="G1099" s="10" t="s">
        <v>3373</v>
      </c>
      <c r="H1099" s="10" t="s">
        <v>3374</v>
      </c>
      <c r="I1099" s="11">
        <v>44434</v>
      </c>
    </row>
    <row r="1100" spans="1:9" x14ac:dyDescent="0.2">
      <c r="A1100" s="10">
        <v>3188</v>
      </c>
      <c r="B1100" s="10" t="s">
        <v>6844</v>
      </c>
      <c r="C1100" s="10" t="s">
        <v>6845</v>
      </c>
      <c r="D1100" s="10" t="s">
        <v>3901</v>
      </c>
      <c r="E1100" s="10" t="s">
        <v>6846</v>
      </c>
      <c r="F1100" s="10" t="s">
        <v>6847</v>
      </c>
      <c r="G1100" s="10" t="s">
        <v>6848</v>
      </c>
      <c r="H1100" s="10" t="s">
        <v>6849</v>
      </c>
      <c r="I1100" s="11">
        <v>45404</v>
      </c>
    </row>
    <row r="1101" spans="1:9" x14ac:dyDescent="0.2">
      <c r="A1101" s="13">
        <v>3431</v>
      </c>
      <c r="B1101" s="10" t="s">
        <v>8220</v>
      </c>
      <c r="C1101" s="10" t="s">
        <v>8221</v>
      </c>
      <c r="D1101" s="10" t="s">
        <v>3844</v>
      </c>
      <c r="E1101" s="10" t="s">
        <v>8222</v>
      </c>
      <c r="F1101" s="10" t="s">
        <v>8223</v>
      </c>
      <c r="G1101" s="10" t="s">
        <v>8224</v>
      </c>
      <c r="H1101" s="10" t="s">
        <v>8225</v>
      </c>
      <c r="I1101" s="11">
        <v>45747</v>
      </c>
    </row>
    <row r="1102" spans="1:9" x14ac:dyDescent="0.2">
      <c r="A1102" s="14">
        <v>3614</v>
      </c>
      <c r="B1102" s="15" t="s">
        <v>9244</v>
      </c>
      <c r="C1102" s="10" t="s">
        <v>9245</v>
      </c>
      <c r="D1102" s="15" t="s">
        <v>1408</v>
      </c>
      <c r="E1102" s="10" t="s">
        <v>9246</v>
      </c>
      <c r="F1102" s="10" t="s">
        <v>9247</v>
      </c>
      <c r="G1102" s="10" t="s">
        <v>8224</v>
      </c>
      <c r="H1102" s="10" t="s">
        <v>9245</v>
      </c>
      <c r="I1102" s="11">
        <v>46002</v>
      </c>
    </row>
    <row r="1103" spans="1:9" x14ac:dyDescent="0.2">
      <c r="A1103" s="10">
        <v>2754</v>
      </c>
      <c r="B1103" s="10" t="s">
        <v>4444</v>
      </c>
      <c r="C1103" s="10" t="s">
        <v>4445</v>
      </c>
      <c r="D1103" s="10" t="s">
        <v>4446</v>
      </c>
      <c r="E1103" s="10" t="s">
        <v>4447</v>
      </c>
      <c r="F1103" s="10" t="s">
        <v>4448</v>
      </c>
      <c r="G1103" s="10" t="s">
        <v>4449</v>
      </c>
      <c r="H1103" s="10" t="s">
        <v>4450</v>
      </c>
      <c r="I1103" s="11">
        <v>44770</v>
      </c>
    </row>
    <row r="1104" spans="1:9" x14ac:dyDescent="0.2">
      <c r="A1104" s="10">
        <v>2791</v>
      </c>
      <c r="B1104" s="10" t="s">
        <v>4647</v>
      </c>
      <c r="C1104" s="10" t="s">
        <v>4648</v>
      </c>
      <c r="D1104" s="10" t="s">
        <v>4649</v>
      </c>
      <c r="E1104" s="10" t="s">
        <v>4650</v>
      </c>
      <c r="F1104" s="10" t="s">
        <v>4651</v>
      </c>
      <c r="G1104" s="10" t="s">
        <v>4652</v>
      </c>
      <c r="H1104" s="10" t="s">
        <v>4653</v>
      </c>
      <c r="I1104" s="11">
        <v>44826</v>
      </c>
    </row>
    <row r="1105" spans="1:9" x14ac:dyDescent="0.2">
      <c r="A1105" s="10">
        <v>3212</v>
      </c>
      <c r="B1105" s="10" t="s">
        <v>6963</v>
      </c>
      <c r="C1105" s="10" t="s">
        <v>6964</v>
      </c>
      <c r="D1105" s="10" t="s">
        <v>3422</v>
      </c>
      <c r="E1105" s="10" t="s">
        <v>6965</v>
      </c>
      <c r="F1105" s="10" t="s">
        <v>6966</v>
      </c>
      <c r="G1105" s="10" t="s">
        <v>6967</v>
      </c>
      <c r="H1105" s="10" t="s">
        <v>6968</v>
      </c>
      <c r="I1105" s="11">
        <v>45439</v>
      </c>
    </row>
    <row r="1106" spans="1:9" x14ac:dyDescent="0.2">
      <c r="A1106" s="10">
        <v>2750</v>
      </c>
      <c r="B1106" s="10" t="s">
        <v>4419</v>
      </c>
      <c r="C1106" s="10" t="s">
        <v>4420</v>
      </c>
      <c r="D1106" s="10" t="s">
        <v>610</v>
      </c>
      <c r="E1106" s="10" t="s">
        <v>4421</v>
      </c>
      <c r="F1106" s="10" t="s">
        <v>4422</v>
      </c>
      <c r="G1106" s="10" t="s">
        <v>4423</v>
      </c>
      <c r="H1106" s="10" t="s">
        <v>4424</v>
      </c>
      <c r="I1106" s="11">
        <v>44761</v>
      </c>
    </row>
    <row r="1107" spans="1:9" x14ac:dyDescent="0.2">
      <c r="A1107" s="13">
        <v>3461</v>
      </c>
      <c r="B1107" s="10" t="s">
        <v>8381</v>
      </c>
      <c r="C1107" s="10" t="s">
        <v>8382</v>
      </c>
      <c r="D1107" s="10" t="s">
        <v>42</v>
      </c>
      <c r="E1107" s="10" t="s">
        <v>8383</v>
      </c>
      <c r="F1107" s="10" t="s">
        <v>8384</v>
      </c>
      <c r="G1107" s="10" t="s">
        <v>8385</v>
      </c>
      <c r="H1107" s="10" t="s">
        <v>8386</v>
      </c>
      <c r="I1107" s="11">
        <v>45778</v>
      </c>
    </row>
    <row r="1108" spans="1:9" x14ac:dyDescent="0.2">
      <c r="A1108" s="10">
        <v>3135</v>
      </c>
      <c r="B1108" s="10" t="s">
        <v>6563</v>
      </c>
      <c r="C1108" s="10" t="s">
        <v>6564</v>
      </c>
      <c r="D1108" s="10" t="s">
        <v>6565</v>
      </c>
      <c r="E1108" s="10" t="s">
        <v>6566</v>
      </c>
      <c r="F1108" s="10" t="s">
        <v>6567</v>
      </c>
      <c r="G1108" s="10" t="s">
        <v>6568</v>
      </c>
      <c r="H1108" s="10" t="s">
        <v>6569</v>
      </c>
      <c r="I1108" s="11">
        <v>45337</v>
      </c>
    </row>
    <row r="1109" spans="1:9" x14ac:dyDescent="0.2">
      <c r="A1109" s="10">
        <v>2961</v>
      </c>
      <c r="B1109" s="10" t="s">
        <v>5585</v>
      </c>
      <c r="C1109" s="10" t="s">
        <v>5586</v>
      </c>
      <c r="D1109" s="10" t="s">
        <v>5587</v>
      </c>
      <c r="E1109" s="10" t="s">
        <v>5588</v>
      </c>
      <c r="F1109" s="10" t="s">
        <v>5589</v>
      </c>
      <c r="G1109" s="10" t="s">
        <v>5590</v>
      </c>
      <c r="H1109" s="10" t="s">
        <v>5586</v>
      </c>
      <c r="I1109" s="11">
        <v>45113</v>
      </c>
    </row>
    <row r="1110" spans="1:9" x14ac:dyDescent="0.2">
      <c r="A1110" s="10">
        <v>2561</v>
      </c>
      <c r="B1110" s="10" t="s">
        <v>3408</v>
      </c>
      <c r="C1110" s="10" t="s">
        <v>3409</v>
      </c>
      <c r="D1110" s="10" t="s">
        <v>3410</v>
      </c>
      <c r="E1110" s="10" t="s">
        <v>3411</v>
      </c>
      <c r="F1110" s="10" t="s">
        <v>3412</v>
      </c>
      <c r="G1110" s="10" t="s">
        <v>3413</v>
      </c>
      <c r="H1110" s="10" t="s">
        <v>3409</v>
      </c>
      <c r="I1110" s="11">
        <v>44466</v>
      </c>
    </row>
    <row r="1111" spans="1:9" x14ac:dyDescent="0.2">
      <c r="A1111" s="10">
        <v>2741</v>
      </c>
      <c r="B1111" s="10" t="s">
        <v>4363</v>
      </c>
      <c r="C1111" s="10" t="s">
        <v>4364</v>
      </c>
      <c r="D1111" s="10" t="s">
        <v>1833</v>
      </c>
      <c r="E1111" s="10" t="s">
        <v>4365</v>
      </c>
      <c r="F1111" s="10" t="s">
        <v>4366</v>
      </c>
      <c r="G1111" s="10" t="s">
        <v>4367</v>
      </c>
      <c r="H1111" s="10" t="s">
        <v>4368</v>
      </c>
      <c r="I1111" s="11">
        <v>44742</v>
      </c>
    </row>
    <row r="1112" spans="1:9" x14ac:dyDescent="0.2">
      <c r="A1112" s="10">
        <v>3038</v>
      </c>
      <c r="B1112" s="10" t="s">
        <v>6032</v>
      </c>
      <c r="C1112" s="10" t="s">
        <v>6033</v>
      </c>
      <c r="D1112" s="10" t="s">
        <v>6034</v>
      </c>
      <c r="E1112" s="10" t="s">
        <v>6035</v>
      </c>
      <c r="F1112" s="10" t="s">
        <v>6036</v>
      </c>
      <c r="G1112" s="10" t="s">
        <v>6037</v>
      </c>
      <c r="H1112" s="10" t="s">
        <v>6038</v>
      </c>
      <c r="I1112" s="11">
        <v>45236</v>
      </c>
    </row>
    <row r="1113" spans="1:9" x14ac:dyDescent="0.2">
      <c r="A1113" s="10">
        <v>3163</v>
      </c>
      <c r="B1113" s="10" t="s">
        <v>6721</v>
      </c>
      <c r="C1113" s="10" t="s">
        <v>6722</v>
      </c>
      <c r="D1113" s="10" t="s">
        <v>1119</v>
      </c>
      <c r="E1113" s="10" t="s">
        <v>6723</v>
      </c>
      <c r="F1113" s="10" t="s">
        <v>6724</v>
      </c>
      <c r="G1113" s="10" t="s">
        <v>6725</v>
      </c>
      <c r="H1113" s="10" t="s">
        <v>6722</v>
      </c>
      <c r="I1113" s="11">
        <v>45379</v>
      </c>
    </row>
    <row r="1114" spans="1:9" x14ac:dyDescent="0.2">
      <c r="A1114" s="10">
        <v>2926</v>
      </c>
      <c r="B1114" s="10" t="s">
        <v>5412</v>
      </c>
      <c r="C1114" s="10" t="s">
        <v>5413</v>
      </c>
      <c r="D1114" s="10" t="s">
        <v>4749</v>
      </c>
      <c r="E1114" s="10" t="s">
        <v>5414</v>
      </c>
      <c r="F1114" s="10" t="s">
        <v>5415</v>
      </c>
      <c r="G1114" s="10" t="s">
        <v>5416</v>
      </c>
      <c r="H1114" s="10" t="s">
        <v>5417</v>
      </c>
      <c r="I1114" s="11">
        <v>45071</v>
      </c>
    </row>
    <row r="1115" spans="1:9" x14ac:dyDescent="0.2">
      <c r="A1115" s="10">
        <v>2526</v>
      </c>
      <c r="B1115" s="10" t="s">
        <v>3221</v>
      </c>
      <c r="C1115" s="10" t="s">
        <v>3222</v>
      </c>
      <c r="D1115" s="10" t="s">
        <v>3223</v>
      </c>
      <c r="E1115" s="10" t="s">
        <v>3224</v>
      </c>
      <c r="F1115" s="10" t="s">
        <v>3225</v>
      </c>
      <c r="G1115" s="10" t="s">
        <v>3226</v>
      </c>
      <c r="H1115" s="10" t="s">
        <v>3227</v>
      </c>
      <c r="I1115" s="11">
        <v>44368</v>
      </c>
    </row>
    <row r="1116" spans="1:9" x14ac:dyDescent="0.2">
      <c r="A1116" s="10">
        <v>2552</v>
      </c>
      <c r="B1116" s="10" t="s">
        <v>3364</v>
      </c>
      <c r="C1116" s="10" t="s">
        <v>3365</v>
      </c>
      <c r="D1116" s="10" t="s">
        <v>764</v>
      </c>
      <c r="E1116" s="10" t="s">
        <v>3366</v>
      </c>
      <c r="F1116" s="10" t="s">
        <v>3367</v>
      </c>
      <c r="G1116" s="10" t="s">
        <v>3368</v>
      </c>
      <c r="H1116" s="10" t="s">
        <v>3369</v>
      </c>
      <c r="I1116" s="11">
        <v>44434</v>
      </c>
    </row>
    <row r="1117" spans="1:9" x14ac:dyDescent="0.2">
      <c r="A1117" s="10">
        <v>3394</v>
      </c>
      <c r="B1117" s="10" t="s">
        <v>8003</v>
      </c>
      <c r="C1117" s="10" t="s">
        <v>8004</v>
      </c>
      <c r="D1117" s="10" t="s">
        <v>2378</v>
      </c>
      <c r="E1117" s="10" t="s">
        <v>8005</v>
      </c>
      <c r="F1117" s="10" t="s">
        <v>8006</v>
      </c>
      <c r="G1117" s="10" t="s">
        <v>8007</v>
      </c>
      <c r="H1117" s="10" t="s">
        <v>8004</v>
      </c>
      <c r="I1117" s="11">
        <v>45691</v>
      </c>
    </row>
    <row r="1118" spans="1:9" x14ac:dyDescent="0.2">
      <c r="A1118" s="10">
        <v>2983</v>
      </c>
      <c r="B1118" s="10" t="s">
        <v>5717</v>
      </c>
      <c r="C1118" s="10" t="s">
        <v>5718</v>
      </c>
      <c r="D1118" s="10" t="s">
        <v>5719</v>
      </c>
      <c r="E1118" s="10" t="s">
        <v>5720</v>
      </c>
      <c r="F1118" s="10" t="s">
        <v>5721</v>
      </c>
      <c r="G1118" s="10" t="s">
        <v>5722</v>
      </c>
      <c r="H1118" s="10" t="s">
        <v>5723</v>
      </c>
      <c r="I1118" s="11">
        <v>45134</v>
      </c>
    </row>
    <row r="1119" spans="1:9" x14ac:dyDescent="0.2">
      <c r="A1119" s="13">
        <v>3456</v>
      </c>
      <c r="B1119" s="10" t="s">
        <v>8355</v>
      </c>
      <c r="C1119" s="10" t="s">
        <v>35</v>
      </c>
      <c r="D1119" s="10" t="s">
        <v>5045</v>
      </c>
      <c r="E1119" s="10" t="s">
        <v>8356</v>
      </c>
      <c r="F1119" s="10" t="s">
        <v>8357</v>
      </c>
      <c r="G1119" s="10" t="s">
        <v>8358</v>
      </c>
      <c r="H1119" s="10" t="s">
        <v>8359</v>
      </c>
      <c r="I1119" s="11">
        <v>45775</v>
      </c>
    </row>
    <row r="1120" spans="1:9" x14ac:dyDescent="0.2">
      <c r="A1120" s="10">
        <v>2255</v>
      </c>
      <c r="B1120" s="10" t="s">
        <v>2160</v>
      </c>
      <c r="C1120" s="10" t="s">
        <v>2161</v>
      </c>
      <c r="D1120" s="10" t="s">
        <v>1525</v>
      </c>
      <c r="E1120" s="10" t="s">
        <v>2162</v>
      </c>
      <c r="F1120" s="10" t="s">
        <v>2163</v>
      </c>
      <c r="G1120" s="10" t="s">
        <v>2164</v>
      </c>
      <c r="H1120" s="10" t="s">
        <v>2161</v>
      </c>
      <c r="I1120" s="11">
        <v>45819</v>
      </c>
    </row>
    <row r="1121" spans="1:9" x14ac:dyDescent="0.2">
      <c r="A1121" s="13">
        <v>3501</v>
      </c>
      <c r="B1121" s="10" t="s">
        <v>8603</v>
      </c>
      <c r="C1121" s="10" t="s">
        <v>8604</v>
      </c>
      <c r="D1121" s="10" t="s">
        <v>8605</v>
      </c>
      <c r="E1121" s="10" t="s">
        <v>8606</v>
      </c>
      <c r="F1121" s="10" t="s">
        <v>8607</v>
      </c>
      <c r="G1121" s="10" t="s">
        <v>8608</v>
      </c>
      <c r="H1121" s="10" t="s">
        <v>8604</v>
      </c>
      <c r="I1121" s="11">
        <v>45841</v>
      </c>
    </row>
    <row r="1122" spans="1:9" x14ac:dyDescent="0.2">
      <c r="A1122" s="10">
        <v>3253</v>
      </c>
      <c r="B1122" s="10" t="s">
        <v>7199</v>
      </c>
      <c r="C1122" s="10" t="s">
        <v>7200</v>
      </c>
      <c r="D1122" s="10" t="s">
        <v>7201</v>
      </c>
      <c r="E1122" s="10" t="s">
        <v>7202</v>
      </c>
      <c r="F1122" s="10" t="s">
        <v>7203</v>
      </c>
      <c r="G1122" s="10" t="s">
        <v>7204</v>
      </c>
      <c r="H1122" s="10" t="s">
        <v>7200</v>
      </c>
      <c r="I1122" s="11">
        <v>45491</v>
      </c>
    </row>
    <row r="1123" spans="1:9" x14ac:dyDescent="0.2">
      <c r="A1123" s="10">
        <v>2035</v>
      </c>
      <c r="B1123" s="10" t="s">
        <v>1747</v>
      </c>
      <c r="C1123" s="10" t="s">
        <v>1748</v>
      </c>
      <c r="D1123" s="10" t="s">
        <v>1749</v>
      </c>
      <c r="E1123" s="10" t="s">
        <v>1750</v>
      </c>
      <c r="F1123" s="10" t="s">
        <v>1751</v>
      </c>
      <c r="G1123" s="10" t="s">
        <v>1752</v>
      </c>
      <c r="H1123" s="10" t="s">
        <v>1748</v>
      </c>
      <c r="I1123" s="11">
        <v>45397</v>
      </c>
    </row>
    <row r="1124" spans="1:9" x14ac:dyDescent="0.2">
      <c r="A1124" s="10">
        <v>2730</v>
      </c>
      <c r="B1124" s="10" t="s">
        <v>4309</v>
      </c>
      <c r="C1124" s="10" t="s">
        <v>35</v>
      </c>
      <c r="D1124" s="10" t="s">
        <v>4310</v>
      </c>
      <c r="E1124" s="10" t="s">
        <v>4311</v>
      </c>
      <c r="F1124" s="10" t="s">
        <v>4312</v>
      </c>
      <c r="G1124" s="10" t="s">
        <v>4313</v>
      </c>
      <c r="H1124" s="10" t="s">
        <v>4314</v>
      </c>
      <c r="I1124" s="11">
        <v>44732</v>
      </c>
    </row>
    <row r="1125" spans="1:9" x14ac:dyDescent="0.2">
      <c r="A1125" s="10">
        <v>1648</v>
      </c>
      <c r="B1125" s="10" t="s">
        <v>995</v>
      </c>
      <c r="C1125" s="10" t="s">
        <v>996</v>
      </c>
      <c r="D1125" s="10" t="s">
        <v>860</v>
      </c>
      <c r="E1125" s="10" t="s">
        <v>997</v>
      </c>
      <c r="F1125" s="10" t="s">
        <v>998</v>
      </c>
      <c r="G1125" s="10" t="s">
        <v>999</v>
      </c>
      <c r="H1125" s="10" t="s">
        <v>1000</v>
      </c>
      <c r="I1125" s="11">
        <v>44481</v>
      </c>
    </row>
    <row r="1126" spans="1:9" x14ac:dyDescent="0.2">
      <c r="A1126" s="10">
        <v>1327</v>
      </c>
      <c r="B1126" s="10" t="s">
        <v>632</v>
      </c>
      <c r="C1126" s="10" t="s">
        <v>633</v>
      </c>
      <c r="D1126" s="10" t="s">
        <v>634</v>
      </c>
      <c r="E1126" s="10" t="s">
        <v>635</v>
      </c>
      <c r="F1126" s="10" t="s">
        <v>636</v>
      </c>
      <c r="G1126" s="10" t="s">
        <v>637</v>
      </c>
      <c r="H1126" s="10" t="s">
        <v>638</v>
      </c>
      <c r="I1126" s="11">
        <v>45496</v>
      </c>
    </row>
    <row r="1127" spans="1:9" x14ac:dyDescent="0.2">
      <c r="A1127" s="10">
        <v>2655</v>
      </c>
      <c r="B1127" s="10" t="s">
        <v>3919</v>
      </c>
      <c r="C1127" s="10" t="s">
        <v>3920</v>
      </c>
      <c r="D1127" s="10" t="s">
        <v>1403</v>
      </c>
      <c r="E1127" s="10" t="s">
        <v>3921</v>
      </c>
      <c r="F1127" s="10" t="s">
        <v>3922</v>
      </c>
      <c r="G1127" s="10" t="s">
        <v>3923</v>
      </c>
      <c r="H1127" s="10" t="s">
        <v>3924</v>
      </c>
      <c r="I1127" s="11">
        <v>44634</v>
      </c>
    </row>
    <row r="1128" spans="1:9" x14ac:dyDescent="0.2">
      <c r="A1128" s="10">
        <v>2937</v>
      </c>
      <c r="B1128" s="10" t="s">
        <v>5473</v>
      </c>
      <c r="C1128" s="10" t="s">
        <v>5474</v>
      </c>
      <c r="D1128" s="10" t="s">
        <v>5475</v>
      </c>
      <c r="E1128" s="10" t="s">
        <v>5476</v>
      </c>
      <c r="F1128" s="10" t="s">
        <v>5477</v>
      </c>
      <c r="G1128" s="10" t="s">
        <v>5478</v>
      </c>
      <c r="H1128" s="10" t="s">
        <v>5474</v>
      </c>
      <c r="I1128" s="11">
        <v>45075</v>
      </c>
    </row>
    <row r="1129" spans="1:9" x14ac:dyDescent="0.2">
      <c r="A1129" s="10">
        <v>2387</v>
      </c>
      <c r="B1129" s="10" t="s">
        <v>2503</v>
      </c>
      <c r="C1129" s="10" t="s">
        <v>2504</v>
      </c>
      <c r="D1129" s="10" t="s">
        <v>2505</v>
      </c>
      <c r="E1129" s="10" t="s">
        <v>2506</v>
      </c>
      <c r="F1129" s="10" t="s">
        <v>2507</v>
      </c>
      <c r="G1129" s="10" t="s">
        <v>2508</v>
      </c>
      <c r="H1129" s="10" t="s">
        <v>2504</v>
      </c>
      <c r="I1129" s="11">
        <v>46050</v>
      </c>
    </row>
    <row r="1130" spans="1:9" x14ac:dyDescent="0.2">
      <c r="A1130" s="13">
        <v>3444</v>
      </c>
      <c r="B1130" s="10" t="s">
        <v>8289</v>
      </c>
      <c r="C1130" s="10" t="s">
        <v>8290</v>
      </c>
      <c r="D1130" s="10" t="s">
        <v>8291</v>
      </c>
      <c r="E1130" s="10" t="s">
        <v>8292</v>
      </c>
      <c r="F1130" s="10" t="s">
        <v>8293</v>
      </c>
      <c r="G1130" s="10" t="s">
        <v>8294</v>
      </c>
      <c r="H1130" s="10" t="s">
        <v>8290</v>
      </c>
      <c r="I1130" s="11">
        <v>45789</v>
      </c>
    </row>
    <row r="1131" spans="1:9" x14ac:dyDescent="0.2">
      <c r="A1131" s="10">
        <v>2379</v>
      </c>
      <c r="B1131" s="10" t="s">
        <v>2467</v>
      </c>
      <c r="C1131" s="10" t="s">
        <v>2468</v>
      </c>
      <c r="D1131" s="10" t="s">
        <v>1312</v>
      </c>
      <c r="E1131" s="10" t="s">
        <v>2469</v>
      </c>
      <c r="F1131" s="10" t="s">
        <v>2470</v>
      </c>
      <c r="G1131" s="10" t="s">
        <v>2471</v>
      </c>
      <c r="H1131" s="10" t="s">
        <v>2472</v>
      </c>
      <c r="I1131" s="11">
        <v>46029</v>
      </c>
    </row>
    <row r="1132" spans="1:9" x14ac:dyDescent="0.2">
      <c r="A1132" s="10">
        <v>719</v>
      </c>
      <c r="B1132" s="10" t="s">
        <v>253</v>
      </c>
      <c r="C1132" s="10" t="s">
        <v>254</v>
      </c>
      <c r="D1132" s="10" t="s">
        <v>255</v>
      </c>
      <c r="E1132" s="10" t="s">
        <v>256</v>
      </c>
      <c r="F1132" s="10" t="s">
        <v>257</v>
      </c>
      <c r="G1132" s="10" t="s">
        <v>258</v>
      </c>
      <c r="H1132" s="10" t="s">
        <v>254</v>
      </c>
      <c r="I1132" s="11">
        <v>44912</v>
      </c>
    </row>
    <row r="1133" spans="1:9" x14ac:dyDescent="0.2">
      <c r="A1133" s="10">
        <v>2468</v>
      </c>
      <c r="B1133" s="10" t="s">
        <v>2936</v>
      </c>
      <c r="C1133" s="10" t="s">
        <v>2937</v>
      </c>
      <c r="D1133" s="10" t="s">
        <v>2938</v>
      </c>
      <c r="E1133" s="10" t="s">
        <v>2939</v>
      </c>
      <c r="F1133" s="10" t="s">
        <v>2940</v>
      </c>
      <c r="G1133" s="10" t="s">
        <v>2941</v>
      </c>
      <c r="H1133" s="10" t="s">
        <v>2937</v>
      </c>
      <c r="I1133" s="11">
        <v>44305</v>
      </c>
    </row>
    <row r="1134" spans="1:9" x14ac:dyDescent="0.2">
      <c r="A1134" s="10">
        <v>2857</v>
      </c>
      <c r="B1134" s="10" t="s">
        <v>5012</v>
      </c>
      <c r="C1134" s="10" t="s">
        <v>5013</v>
      </c>
      <c r="D1134" s="10" t="s">
        <v>5014</v>
      </c>
      <c r="E1134" s="10" t="s">
        <v>5015</v>
      </c>
      <c r="F1134" s="10" t="s">
        <v>5016</v>
      </c>
      <c r="G1134" s="10" t="s">
        <v>5017</v>
      </c>
      <c r="H1134" s="10" t="s">
        <v>5018</v>
      </c>
      <c r="I1134" s="11">
        <v>44963</v>
      </c>
    </row>
    <row r="1135" spans="1:9" x14ac:dyDescent="0.2">
      <c r="A1135" s="10">
        <v>2965</v>
      </c>
      <c r="B1135" s="10" t="s">
        <v>5603</v>
      </c>
      <c r="C1135" s="10" t="s">
        <v>5604</v>
      </c>
      <c r="D1135" s="10" t="s">
        <v>5605</v>
      </c>
      <c r="E1135" s="10" t="s">
        <v>5606</v>
      </c>
      <c r="F1135" s="10" t="s">
        <v>5607</v>
      </c>
      <c r="G1135" s="10" t="s">
        <v>5608</v>
      </c>
      <c r="H1135" s="10" t="s">
        <v>5609</v>
      </c>
      <c r="I1135" s="11">
        <v>45113</v>
      </c>
    </row>
    <row r="1136" spans="1:9" x14ac:dyDescent="0.2">
      <c r="A1136" s="10">
        <v>2954</v>
      </c>
      <c r="B1136" s="10" t="s">
        <v>5557</v>
      </c>
      <c r="C1136" s="10" t="s">
        <v>5558</v>
      </c>
      <c r="D1136" s="10" t="s">
        <v>5559</v>
      </c>
      <c r="E1136" s="10" t="s">
        <v>5560</v>
      </c>
      <c r="F1136" s="10" t="s">
        <v>5561</v>
      </c>
      <c r="G1136" s="10" t="s">
        <v>5562</v>
      </c>
      <c r="H1136" s="10" t="s">
        <v>5563</v>
      </c>
      <c r="I1136" s="11">
        <v>45110</v>
      </c>
    </row>
    <row r="1137" spans="1:9" x14ac:dyDescent="0.2">
      <c r="A1137" s="13">
        <v>3458</v>
      </c>
      <c r="B1137" s="10" t="s">
        <v>8365</v>
      </c>
      <c r="C1137" s="10" t="s">
        <v>8366</v>
      </c>
      <c r="D1137" s="10" t="s">
        <v>4465</v>
      </c>
      <c r="E1137" s="10" t="s">
        <v>8367</v>
      </c>
      <c r="F1137" s="10" t="s">
        <v>8368</v>
      </c>
      <c r="G1137" s="10" t="s">
        <v>8369</v>
      </c>
      <c r="H1137" s="10" t="s">
        <v>8366</v>
      </c>
      <c r="I1137" s="11">
        <v>45775</v>
      </c>
    </row>
    <row r="1138" spans="1:9" x14ac:dyDescent="0.2">
      <c r="A1138" s="10">
        <v>2854</v>
      </c>
      <c r="B1138" s="10" t="s">
        <v>4994</v>
      </c>
      <c r="C1138" s="10" t="s">
        <v>4995</v>
      </c>
      <c r="D1138" s="10" t="s">
        <v>4274</v>
      </c>
      <c r="E1138" s="10" t="s">
        <v>4996</v>
      </c>
      <c r="F1138" s="10" t="s">
        <v>4997</v>
      </c>
      <c r="G1138" s="10" t="s">
        <v>4998</v>
      </c>
      <c r="H1138" s="10" t="s">
        <v>4995</v>
      </c>
      <c r="I1138" s="11">
        <v>44956</v>
      </c>
    </row>
    <row r="1139" spans="1:9" x14ac:dyDescent="0.2">
      <c r="A1139" s="10">
        <v>2703</v>
      </c>
      <c r="B1139" s="10" t="s">
        <v>4173</v>
      </c>
      <c r="C1139" s="10" t="s">
        <v>4174</v>
      </c>
      <c r="D1139" s="10" t="s">
        <v>4175</v>
      </c>
      <c r="E1139" s="10" t="s">
        <v>4176</v>
      </c>
      <c r="F1139" s="10" t="s">
        <v>4177</v>
      </c>
      <c r="G1139" s="10" t="s">
        <v>4178</v>
      </c>
      <c r="H1139" s="10" t="s">
        <v>4179</v>
      </c>
      <c r="I1139" s="11">
        <v>44700</v>
      </c>
    </row>
    <row r="1140" spans="1:9" x14ac:dyDescent="0.2">
      <c r="A1140" s="10">
        <v>2658</v>
      </c>
      <c r="B1140" s="10" t="s">
        <v>3938</v>
      </c>
      <c r="C1140" s="10" t="s">
        <v>35</v>
      </c>
      <c r="D1140" s="10" t="s">
        <v>118</v>
      </c>
      <c r="E1140" s="10" t="s">
        <v>3939</v>
      </c>
      <c r="F1140" s="10" t="s">
        <v>3940</v>
      </c>
      <c r="G1140" s="10" t="s">
        <v>3941</v>
      </c>
      <c r="H1140" s="10" t="s">
        <v>3942</v>
      </c>
      <c r="I1140" s="11">
        <v>44637</v>
      </c>
    </row>
    <row r="1141" spans="1:9" x14ac:dyDescent="0.2">
      <c r="A1141" s="13">
        <v>3517</v>
      </c>
      <c r="B1141" s="10" t="s">
        <v>8694</v>
      </c>
      <c r="C1141" s="10" t="s">
        <v>8695</v>
      </c>
      <c r="D1141" s="10" t="s">
        <v>8696</v>
      </c>
      <c r="E1141" s="10" t="s">
        <v>8697</v>
      </c>
      <c r="F1141" s="10" t="s">
        <v>8698</v>
      </c>
      <c r="G1141" s="10" t="s">
        <v>8699</v>
      </c>
      <c r="H1141" s="10" t="s">
        <v>8695</v>
      </c>
      <c r="I1141" s="11">
        <v>45873</v>
      </c>
    </row>
    <row r="1142" spans="1:9" x14ac:dyDescent="0.2">
      <c r="A1142" s="10">
        <v>3059</v>
      </c>
      <c r="B1142" s="10" t="s">
        <v>6140</v>
      </c>
      <c r="C1142" s="10" t="s">
        <v>6141</v>
      </c>
      <c r="D1142" s="10" t="s">
        <v>3775</v>
      </c>
      <c r="E1142" s="10" t="s">
        <v>6142</v>
      </c>
      <c r="F1142" s="10" t="s">
        <v>6143</v>
      </c>
      <c r="G1142" s="10" t="s">
        <v>6144</v>
      </c>
      <c r="H1142" s="10" t="s">
        <v>6141</v>
      </c>
      <c r="I1142" s="11">
        <v>45254</v>
      </c>
    </row>
    <row r="1143" spans="1:9" x14ac:dyDescent="0.2">
      <c r="A1143" s="10">
        <v>3102</v>
      </c>
      <c r="B1143" s="10" t="s">
        <v>6385</v>
      </c>
      <c r="C1143" s="10" t="s">
        <v>6386</v>
      </c>
      <c r="D1143" s="10" t="s">
        <v>6387</v>
      </c>
      <c r="E1143" s="10" t="s">
        <v>6388</v>
      </c>
      <c r="F1143" s="10" t="s">
        <v>6389</v>
      </c>
      <c r="G1143" s="10" t="s">
        <v>6390</v>
      </c>
      <c r="H1143" s="10" t="s">
        <v>6391</v>
      </c>
      <c r="I1143" s="11">
        <v>45300</v>
      </c>
    </row>
    <row r="1144" spans="1:9" x14ac:dyDescent="0.2">
      <c r="A1144" s="10">
        <v>3390</v>
      </c>
      <c r="B1144" s="10" t="s">
        <v>7978</v>
      </c>
      <c r="C1144" s="10" t="s">
        <v>7979</v>
      </c>
      <c r="D1144" s="10" t="s">
        <v>7980</v>
      </c>
      <c r="E1144" s="10" t="s">
        <v>7981</v>
      </c>
      <c r="F1144" s="10" t="s">
        <v>7982</v>
      </c>
      <c r="G1144" s="10" t="s">
        <v>7983</v>
      </c>
      <c r="H1144" s="10" t="s">
        <v>7984</v>
      </c>
      <c r="I1144" s="11">
        <v>45687</v>
      </c>
    </row>
    <row r="1145" spans="1:9" x14ac:dyDescent="0.2">
      <c r="A1145" s="10">
        <v>2459</v>
      </c>
      <c r="B1145" s="10" t="s">
        <v>2878</v>
      </c>
      <c r="C1145" s="10" t="s">
        <v>2879</v>
      </c>
      <c r="D1145" s="10" t="s">
        <v>1761</v>
      </c>
      <c r="E1145" s="10" t="s">
        <v>2880</v>
      </c>
      <c r="F1145" s="10" t="s">
        <v>2881</v>
      </c>
      <c r="G1145" s="10" t="s">
        <v>2882</v>
      </c>
      <c r="H1145" s="10" t="s">
        <v>2883</v>
      </c>
      <c r="I1145" s="11">
        <v>44298</v>
      </c>
    </row>
    <row r="1146" spans="1:9" x14ac:dyDescent="0.2">
      <c r="A1146" s="10">
        <v>3332</v>
      </c>
      <c r="B1146" s="10" t="s">
        <v>7645</v>
      </c>
      <c r="C1146" s="10" t="s">
        <v>7646</v>
      </c>
      <c r="D1146" s="10" t="s">
        <v>7647</v>
      </c>
      <c r="E1146" s="10" t="s">
        <v>7648</v>
      </c>
      <c r="F1146" s="10" t="s">
        <v>7649</v>
      </c>
      <c r="G1146" s="10" t="s">
        <v>7650</v>
      </c>
      <c r="H1146" s="10" t="s">
        <v>7651</v>
      </c>
      <c r="I1146" s="11">
        <v>45610</v>
      </c>
    </row>
    <row r="1147" spans="1:9" x14ac:dyDescent="0.2">
      <c r="A1147" s="10">
        <v>3086</v>
      </c>
      <c r="B1147" s="10" t="s">
        <v>6292</v>
      </c>
      <c r="C1147" s="10" t="s">
        <v>6293</v>
      </c>
      <c r="D1147" s="10" t="s">
        <v>1142</v>
      </c>
      <c r="E1147" s="10" t="s">
        <v>6294</v>
      </c>
      <c r="F1147" s="10" t="s">
        <v>6295</v>
      </c>
      <c r="G1147" s="10" t="s">
        <v>6296</v>
      </c>
      <c r="H1147" s="10" t="s">
        <v>6297</v>
      </c>
      <c r="I1147" s="11">
        <v>45271</v>
      </c>
    </row>
    <row r="1148" spans="1:9" x14ac:dyDescent="0.2">
      <c r="A1148" s="13">
        <v>3494</v>
      </c>
      <c r="B1148" s="10" t="s">
        <v>8564</v>
      </c>
      <c r="C1148" s="10" t="s">
        <v>8565</v>
      </c>
      <c r="D1148" s="10" t="s">
        <v>8566</v>
      </c>
      <c r="E1148" s="10" t="s">
        <v>8567</v>
      </c>
      <c r="F1148" s="10" t="s">
        <v>8568</v>
      </c>
      <c r="G1148" s="10" t="s">
        <v>6296</v>
      </c>
      <c r="H1148" s="10" t="s">
        <v>8565</v>
      </c>
      <c r="I1148" s="11">
        <v>45841</v>
      </c>
    </row>
    <row r="1149" spans="1:9" x14ac:dyDescent="0.2">
      <c r="A1149" s="10">
        <v>2422</v>
      </c>
      <c r="B1149" s="10" t="s">
        <v>2692</v>
      </c>
      <c r="C1149" s="10" t="s">
        <v>35</v>
      </c>
      <c r="D1149" s="10" t="s">
        <v>2693</v>
      </c>
      <c r="E1149" s="10" t="s">
        <v>2694</v>
      </c>
      <c r="F1149" s="10" t="s">
        <v>2695</v>
      </c>
      <c r="G1149" s="10" t="s">
        <v>2696</v>
      </c>
      <c r="H1149" s="10" t="s">
        <v>2697</v>
      </c>
      <c r="I1149" s="11">
        <v>44263</v>
      </c>
    </row>
    <row r="1150" spans="1:9" x14ac:dyDescent="0.2">
      <c r="A1150" s="13">
        <v>3419</v>
      </c>
      <c r="B1150" s="10" t="s">
        <v>8150</v>
      </c>
      <c r="C1150" s="10" t="s">
        <v>8151</v>
      </c>
      <c r="D1150" s="10" t="s">
        <v>6041</v>
      </c>
      <c r="E1150" s="10" t="s">
        <v>8152</v>
      </c>
      <c r="F1150" s="10" t="s">
        <v>8153</v>
      </c>
      <c r="G1150" s="10" t="s">
        <v>8154</v>
      </c>
      <c r="H1150" s="10" t="s">
        <v>8151</v>
      </c>
      <c r="I1150" s="11">
        <v>45722</v>
      </c>
    </row>
    <row r="1151" spans="1:9" x14ac:dyDescent="0.2">
      <c r="A1151" s="10">
        <v>2632</v>
      </c>
      <c r="B1151" s="10" t="s">
        <v>3792</v>
      </c>
      <c r="C1151" s="10" t="s">
        <v>3793</v>
      </c>
      <c r="D1151" s="10" t="s">
        <v>3794</v>
      </c>
      <c r="E1151" s="10" t="s">
        <v>3795</v>
      </c>
      <c r="F1151" s="10" t="s">
        <v>3796</v>
      </c>
      <c r="G1151" s="10" t="s">
        <v>3797</v>
      </c>
      <c r="H1151" s="10" t="s">
        <v>3798</v>
      </c>
      <c r="I1151" s="11">
        <v>44585</v>
      </c>
    </row>
    <row r="1152" spans="1:9" x14ac:dyDescent="0.2">
      <c r="A1152" s="10">
        <v>2507</v>
      </c>
      <c r="B1152" s="10" t="s">
        <v>3146</v>
      </c>
      <c r="C1152" s="10" t="s">
        <v>3147</v>
      </c>
      <c r="D1152" s="10" t="s">
        <v>1574</v>
      </c>
      <c r="E1152" s="10" t="s">
        <v>3148</v>
      </c>
      <c r="F1152" s="10" t="s">
        <v>3149</v>
      </c>
      <c r="G1152" s="10" t="s">
        <v>3150</v>
      </c>
      <c r="H1152" s="10" t="s">
        <v>3147</v>
      </c>
      <c r="I1152" s="11">
        <v>44347</v>
      </c>
    </row>
    <row r="1153" spans="1:9" x14ac:dyDescent="0.2">
      <c r="A1153" s="10">
        <v>1297</v>
      </c>
      <c r="B1153" s="10" t="s">
        <v>602</v>
      </c>
      <c r="C1153" s="10" t="s">
        <v>603</v>
      </c>
      <c r="D1153" s="10" t="s">
        <v>604</v>
      </c>
      <c r="E1153" s="10" t="s">
        <v>605</v>
      </c>
      <c r="F1153" s="10" t="s">
        <v>606</v>
      </c>
      <c r="G1153" s="10" t="s">
        <v>607</v>
      </c>
      <c r="H1153" s="10" t="s">
        <v>603</v>
      </c>
      <c r="I1153" s="11">
        <v>45414</v>
      </c>
    </row>
    <row r="1154" spans="1:9" x14ac:dyDescent="0.2">
      <c r="A1154" s="14">
        <v>3556</v>
      </c>
      <c r="B1154" s="15" t="s">
        <v>8917</v>
      </c>
      <c r="C1154" s="10" t="s">
        <v>8918</v>
      </c>
      <c r="D1154" s="15" t="s">
        <v>8919</v>
      </c>
      <c r="E1154" s="10" t="s">
        <v>8920</v>
      </c>
      <c r="F1154" s="10" t="s">
        <v>8921</v>
      </c>
      <c r="G1154" s="10" t="s">
        <v>8922</v>
      </c>
      <c r="H1154" s="10" t="s">
        <v>8923</v>
      </c>
      <c r="I1154" s="11">
        <v>45918</v>
      </c>
    </row>
    <row r="1155" spans="1:9" x14ac:dyDescent="0.2">
      <c r="A1155" s="10">
        <v>2910</v>
      </c>
      <c r="B1155" s="10" t="s">
        <v>5324</v>
      </c>
      <c r="C1155" s="10" t="s">
        <v>5325</v>
      </c>
      <c r="D1155" s="10" t="s">
        <v>5326</v>
      </c>
      <c r="E1155" s="10" t="s">
        <v>5327</v>
      </c>
      <c r="F1155" s="10" t="s">
        <v>5328</v>
      </c>
      <c r="G1155" s="10" t="s">
        <v>5329</v>
      </c>
      <c r="H1155" s="10" t="s">
        <v>5325</v>
      </c>
      <c r="I1155" s="11">
        <v>45054</v>
      </c>
    </row>
    <row r="1156" spans="1:9" x14ac:dyDescent="0.2">
      <c r="A1156" s="10">
        <v>2185</v>
      </c>
      <c r="B1156" s="10" t="s">
        <v>2023</v>
      </c>
      <c r="C1156" s="10" t="s">
        <v>2024</v>
      </c>
      <c r="D1156" s="10" t="s">
        <v>964</v>
      </c>
      <c r="E1156" s="10" t="s">
        <v>2025</v>
      </c>
      <c r="F1156" s="10" t="s">
        <v>2026</v>
      </c>
      <c r="G1156" s="10" t="s">
        <v>2027</v>
      </c>
      <c r="H1156" s="10" t="s">
        <v>2024</v>
      </c>
      <c r="I1156" s="11">
        <v>45680</v>
      </c>
    </row>
    <row r="1157" spans="1:9" x14ac:dyDescent="0.2">
      <c r="A1157" s="14">
        <v>3587</v>
      </c>
      <c r="B1157" s="15" t="s">
        <v>9085</v>
      </c>
      <c r="C1157" s="10" t="s">
        <v>9086</v>
      </c>
      <c r="D1157" s="15" t="s">
        <v>9087</v>
      </c>
      <c r="E1157" s="10" t="s">
        <v>9088</v>
      </c>
      <c r="F1157" s="10" t="s">
        <v>9089</v>
      </c>
      <c r="G1157" s="10" t="s">
        <v>9090</v>
      </c>
      <c r="H1157" s="10" t="s">
        <v>9086</v>
      </c>
      <c r="I1157" s="11">
        <v>45971</v>
      </c>
    </row>
    <row r="1158" spans="1:9" x14ac:dyDescent="0.2">
      <c r="A1158" s="10">
        <v>2181</v>
      </c>
      <c r="B1158" s="10" t="s">
        <v>2017</v>
      </c>
      <c r="C1158" s="10" t="s">
        <v>2018</v>
      </c>
      <c r="D1158" s="10" t="s">
        <v>2019</v>
      </c>
      <c r="E1158" s="10" t="s">
        <v>2020</v>
      </c>
      <c r="F1158" s="10" t="s">
        <v>2021</v>
      </c>
      <c r="G1158" s="10" t="s">
        <v>2022</v>
      </c>
      <c r="H1158" s="10" t="s">
        <v>2018</v>
      </c>
      <c r="I1158" s="11">
        <v>45652</v>
      </c>
    </row>
    <row r="1159" spans="1:9" x14ac:dyDescent="0.2">
      <c r="A1159" s="10">
        <v>3227</v>
      </c>
      <c r="B1159" s="10" t="s">
        <v>7052</v>
      </c>
      <c r="C1159" s="10" t="s">
        <v>7053</v>
      </c>
      <c r="D1159" s="10" t="s">
        <v>3526</v>
      </c>
      <c r="E1159" s="10" t="s">
        <v>7054</v>
      </c>
      <c r="F1159" s="10" t="s">
        <v>7055</v>
      </c>
      <c r="G1159" s="10" t="s">
        <v>7056</v>
      </c>
      <c r="H1159" s="10" t="s">
        <v>7053</v>
      </c>
      <c r="I1159" s="11">
        <v>45463</v>
      </c>
    </row>
    <row r="1160" spans="1:9" x14ac:dyDescent="0.2">
      <c r="A1160" s="10">
        <v>1595</v>
      </c>
      <c r="B1160" s="10" t="s">
        <v>906</v>
      </c>
      <c r="C1160" s="10" t="s">
        <v>907</v>
      </c>
      <c r="D1160" s="10" t="s">
        <v>908</v>
      </c>
      <c r="E1160" s="10" t="s">
        <v>909</v>
      </c>
      <c r="F1160" s="10" t="s">
        <v>910</v>
      </c>
      <c r="G1160" s="10" t="s">
        <v>911</v>
      </c>
      <c r="H1160" s="10" t="s">
        <v>907</v>
      </c>
      <c r="I1160" s="11">
        <v>44368</v>
      </c>
    </row>
    <row r="1161" spans="1:9" x14ac:dyDescent="0.2">
      <c r="A1161" s="10">
        <v>3160</v>
      </c>
      <c r="B1161" s="10" t="s">
        <v>6703</v>
      </c>
      <c r="C1161" s="10" t="s">
        <v>6704</v>
      </c>
      <c r="D1161" s="10" t="s">
        <v>6705</v>
      </c>
      <c r="E1161" s="10" t="s">
        <v>6706</v>
      </c>
      <c r="F1161" s="10" t="s">
        <v>6707</v>
      </c>
      <c r="G1161" s="10" t="s">
        <v>6708</v>
      </c>
      <c r="H1161" s="10" t="s">
        <v>6704</v>
      </c>
      <c r="I1161" s="11">
        <v>45379</v>
      </c>
    </row>
    <row r="1162" spans="1:9" x14ac:dyDescent="0.2">
      <c r="A1162" s="10">
        <v>3286</v>
      </c>
      <c r="B1162" s="10" t="s">
        <v>7376</v>
      </c>
      <c r="C1162" s="10" t="s">
        <v>7377</v>
      </c>
      <c r="D1162" s="10" t="s">
        <v>7378</v>
      </c>
      <c r="E1162" s="10" t="s">
        <v>7379</v>
      </c>
      <c r="F1162" s="10" t="s">
        <v>7380</v>
      </c>
      <c r="G1162" s="10" t="s">
        <v>7381</v>
      </c>
      <c r="H1162" s="10" t="s">
        <v>7382</v>
      </c>
      <c r="I1162" s="11">
        <v>45552</v>
      </c>
    </row>
    <row r="1163" spans="1:9" x14ac:dyDescent="0.2">
      <c r="A1163" s="10">
        <v>3334</v>
      </c>
      <c r="B1163" s="10" t="s">
        <v>7657</v>
      </c>
      <c r="C1163" s="10" t="s">
        <v>7658</v>
      </c>
      <c r="D1163" s="10" t="s">
        <v>7659</v>
      </c>
      <c r="E1163" s="10" t="s">
        <v>7660</v>
      </c>
      <c r="F1163" s="10" t="s">
        <v>7661</v>
      </c>
      <c r="G1163" s="10" t="s">
        <v>7662</v>
      </c>
      <c r="H1163" s="10" t="s">
        <v>7663</v>
      </c>
      <c r="I1163" s="11">
        <v>45614</v>
      </c>
    </row>
    <row r="1164" spans="1:9" x14ac:dyDescent="0.2">
      <c r="A1164" s="10">
        <v>3242</v>
      </c>
      <c r="B1164" s="10" t="s">
        <v>7132</v>
      </c>
      <c r="C1164" s="10" t="s">
        <v>7133</v>
      </c>
      <c r="D1164" s="10" t="s">
        <v>7134</v>
      </c>
      <c r="E1164" s="10" t="s">
        <v>7135</v>
      </c>
      <c r="F1164" s="10" t="s">
        <v>7136</v>
      </c>
      <c r="G1164" s="10" t="s">
        <v>7137</v>
      </c>
      <c r="H1164" s="10" t="s">
        <v>7133</v>
      </c>
      <c r="I1164" s="11">
        <v>45481</v>
      </c>
    </row>
    <row r="1165" spans="1:9" x14ac:dyDescent="0.2">
      <c r="A1165" s="10">
        <v>2891</v>
      </c>
      <c r="B1165" s="10" t="s">
        <v>5210</v>
      </c>
      <c r="C1165" s="10" t="s">
        <v>5211</v>
      </c>
      <c r="D1165" s="10" t="s">
        <v>5212</v>
      </c>
      <c r="E1165" s="10" t="s">
        <v>5213</v>
      </c>
      <c r="F1165" s="10" t="s">
        <v>5214</v>
      </c>
      <c r="G1165" s="10" t="s">
        <v>5215</v>
      </c>
      <c r="H1165" s="10" t="s">
        <v>5216</v>
      </c>
      <c r="I1165" s="11">
        <v>45012</v>
      </c>
    </row>
    <row r="1166" spans="1:9" x14ac:dyDescent="0.2">
      <c r="A1166" s="10">
        <v>2466</v>
      </c>
      <c r="B1166" s="10" t="s">
        <v>2922</v>
      </c>
      <c r="C1166" s="10" t="s">
        <v>2923</v>
      </c>
      <c r="D1166" s="10" t="s">
        <v>2924</v>
      </c>
      <c r="E1166" s="10" t="s">
        <v>2925</v>
      </c>
      <c r="F1166" s="10" t="s">
        <v>2926</v>
      </c>
      <c r="G1166" s="10" t="s">
        <v>2927</v>
      </c>
      <c r="H1166" s="10" t="s">
        <v>2928</v>
      </c>
      <c r="I1166" s="11">
        <v>44305</v>
      </c>
    </row>
    <row r="1167" spans="1:9" x14ac:dyDescent="0.2">
      <c r="A1167" s="10">
        <v>1014</v>
      </c>
      <c r="B1167" s="10" t="s">
        <v>371</v>
      </c>
      <c r="C1167" s="10" t="s">
        <v>35</v>
      </c>
      <c r="D1167" s="10" t="s">
        <v>372</v>
      </c>
      <c r="E1167" s="10" t="s">
        <v>373</v>
      </c>
      <c r="F1167" s="10" t="s">
        <v>374</v>
      </c>
      <c r="G1167" s="10" t="s">
        <v>375</v>
      </c>
      <c r="H1167" s="10" t="s">
        <v>376</v>
      </c>
      <c r="I1167" s="11">
        <v>44391</v>
      </c>
    </row>
    <row r="1168" spans="1:9" x14ac:dyDescent="0.2">
      <c r="A1168" s="10">
        <v>2908</v>
      </c>
      <c r="B1168" s="10" t="s">
        <v>5313</v>
      </c>
      <c r="C1168" s="10" t="s">
        <v>5314</v>
      </c>
      <c r="D1168" s="10" t="s">
        <v>1936</v>
      </c>
      <c r="E1168" s="10" t="s">
        <v>5315</v>
      </c>
      <c r="F1168" s="10" t="s">
        <v>5316</v>
      </c>
      <c r="G1168" s="10" t="s">
        <v>5317</v>
      </c>
      <c r="H1168" s="10" t="s">
        <v>5314</v>
      </c>
      <c r="I1168" s="11">
        <v>45043</v>
      </c>
    </row>
    <row r="1169" spans="1:9" x14ac:dyDescent="0.2">
      <c r="A1169" s="10">
        <v>1784</v>
      </c>
      <c r="B1169" s="10" t="s">
        <v>1268</v>
      </c>
      <c r="C1169" s="10" t="s">
        <v>1269</v>
      </c>
      <c r="D1169" s="10" t="s">
        <v>1270</v>
      </c>
      <c r="E1169" s="10" t="s">
        <v>1271</v>
      </c>
      <c r="F1169" s="10" t="s">
        <v>1272</v>
      </c>
      <c r="G1169" s="10" t="s">
        <v>1273</v>
      </c>
      <c r="H1169" s="10" t="s">
        <v>1269</v>
      </c>
      <c r="I1169" s="11">
        <v>44790</v>
      </c>
    </row>
    <row r="1170" spans="1:9" x14ac:dyDescent="0.2">
      <c r="A1170" s="10">
        <v>2799</v>
      </c>
      <c r="B1170" s="10" t="s">
        <v>4698</v>
      </c>
      <c r="C1170" s="10" t="s">
        <v>4699</v>
      </c>
      <c r="D1170" s="10" t="s">
        <v>4700</v>
      </c>
      <c r="E1170" s="10" t="s">
        <v>4701</v>
      </c>
      <c r="F1170" s="10" t="s">
        <v>4702</v>
      </c>
      <c r="G1170" s="10" t="s">
        <v>4703</v>
      </c>
      <c r="H1170" s="10" t="s">
        <v>4704</v>
      </c>
      <c r="I1170" s="11">
        <v>44833</v>
      </c>
    </row>
    <row r="1171" spans="1:9" x14ac:dyDescent="0.2">
      <c r="A1171" s="10">
        <v>2760</v>
      </c>
      <c r="B1171" s="10" t="s">
        <v>4483</v>
      </c>
      <c r="C1171" s="10" t="s">
        <v>35</v>
      </c>
      <c r="D1171" s="10" t="s">
        <v>4484</v>
      </c>
      <c r="E1171" s="10" t="s">
        <v>4485</v>
      </c>
      <c r="F1171" s="10" t="s">
        <v>4486</v>
      </c>
      <c r="G1171" s="10" t="s">
        <v>4487</v>
      </c>
      <c r="H1171" s="10" t="s">
        <v>4488</v>
      </c>
      <c r="I1171" s="11">
        <v>44770</v>
      </c>
    </row>
    <row r="1172" spans="1:9" x14ac:dyDescent="0.2">
      <c r="A1172" s="10">
        <v>2687</v>
      </c>
      <c r="B1172" s="10" t="s">
        <v>4086</v>
      </c>
      <c r="C1172" s="10" t="s">
        <v>4087</v>
      </c>
      <c r="D1172" s="10" t="s">
        <v>4088</v>
      </c>
      <c r="E1172" s="10" t="s">
        <v>4089</v>
      </c>
      <c r="F1172" s="10" t="s">
        <v>4090</v>
      </c>
      <c r="G1172" s="10" t="s">
        <v>4091</v>
      </c>
      <c r="H1172" s="10" t="s">
        <v>4087</v>
      </c>
      <c r="I1172" s="11">
        <v>44669</v>
      </c>
    </row>
    <row r="1173" spans="1:9" x14ac:dyDescent="0.2">
      <c r="A1173" s="10">
        <v>1677</v>
      </c>
      <c r="B1173" s="10" t="s">
        <v>1050</v>
      </c>
      <c r="C1173" s="10" t="s">
        <v>1051</v>
      </c>
      <c r="D1173" s="10" t="s">
        <v>1052</v>
      </c>
      <c r="E1173" s="10" t="s">
        <v>1053</v>
      </c>
      <c r="F1173" s="10" t="s">
        <v>1054</v>
      </c>
      <c r="G1173" s="10" t="s">
        <v>1055</v>
      </c>
      <c r="H1173" s="10" t="s">
        <v>1051</v>
      </c>
      <c r="I1173" s="11">
        <v>44580</v>
      </c>
    </row>
    <row r="1174" spans="1:9" x14ac:dyDescent="0.2">
      <c r="A1174" s="10">
        <v>2428</v>
      </c>
      <c r="B1174" s="10" t="s">
        <v>2729</v>
      </c>
      <c r="C1174" s="10" t="s">
        <v>2730</v>
      </c>
      <c r="D1174" s="10" t="s">
        <v>860</v>
      </c>
      <c r="E1174" s="10" t="s">
        <v>2731</v>
      </c>
      <c r="F1174" s="10" t="s">
        <v>2732</v>
      </c>
      <c r="G1174" s="10" t="s">
        <v>2733</v>
      </c>
      <c r="H1174" s="10" t="s">
        <v>2730</v>
      </c>
      <c r="I1174" s="11">
        <v>44270</v>
      </c>
    </row>
    <row r="1175" spans="1:9" x14ac:dyDescent="0.2">
      <c r="A1175" s="10">
        <v>2228</v>
      </c>
      <c r="B1175" s="10" t="s">
        <v>2103</v>
      </c>
      <c r="C1175" s="10" t="s">
        <v>2104</v>
      </c>
      <c r="D1175" s="10" t="s">
        <v>2105</v>
      </c>
      <c r="E1175" s="10" t="s">
        <v>2106</v>
      </c>
      <c r="F1175" s="10" t="s">
        <v>2107</v>
      </c>
      <c r="G1175" s="10" t="s">
        <v>2108</v>
      </c>
      <c r="H1175" s="10" t="s">
        <v>2104</v>
      </c>
      <c r="I1175" s="11">
        <v>45770</v>
      </c>
    </row>
    <row r="1176" spans="1:9" x14ac:dyDescent="0.2">
      <c r="A1176" s="10">
        <v>2344</v>
      </c>
      <c r="B1176" s="10" t="s">
        <v>2350</v>
      </c>
      <c r="C1176" s="10" t="s">
        <v>2351</v>
      </c>
      <c r="D1176" s="10" t="s">
        <v>2352</v>
      </c>
      <c r="E1176" s="10" t="s">
        <v>2353</v>
      </c>
      <c r="F1176" s="10" t="s">
        <v>2354</v>
      </c>
      <c r="G1176" s="10" t="s">
        <v>2355</v>
      </c>
      <c r="H1176" s="10" t="s">
        <v>2356</v>
      </c>
      <c r="I1176" s="11">
        <v>45966</v>
      </c>
    </row>
    <row r="1177" spans="1:9" x14ac:dyDescent="0.2">
      <c r="A1177" s="10">
        <v>2868</v>
      </c>
      <c r="B1177" s="10" t="s">
        <v>5078</v>
      </c>
      <c r="C1177" s="10" t="s">
        <v>5079</v>
      </c>
      <c r="D1177" s="10" t="s">
        <v>1661</v>
      </c>
      <c r="E1177" s="10" t="s">
        <v>5080</v>
      </c>
      <c r="F1177" s="10" t="s">
        <v>5081</v>
      </c>
      <c r="G1177" s="10" t="s">
        <v>5082</v>
      </c>
      <c r="H1177" s="10" t="s">
        <v>5083</v>
      </c>
      <c r="I1177" s="11">
        <v>44981</v>
      </c>
    </row>
    <row r="1178" spans="1:9" x14ac:dyDescent="0.2">
      <c r="A1178" s="13">
        <v>3437</v>
      </c>
      <c r="B1178" s="10" t="s">
        <v>8255</v>
      </c>
      <c r="C1178" s="10" t="s">
        <v>8256</v>
      </c>
      <c r="D1178" s="10" t="s">
        <v>1499</v>
      </c>
      <c r="E1178" s="10" t="s">
        <v>8257</v>
      </c>
      <c r="F1178" s="10" t="s">
        <v>8258</v>
      </c>
      <c r="G1178" s="10" t="s">
        <v>8259</v>
      </c>
      <c r="H1178" s="10" t="s">
        <v>8256</v>
      </c>
      <c r="I1178" s="11">
        <v>45764</v>
      </c>
    </row>
    <row r="1179" spans="1:9" x14ac:dyDescent="0.2">
      <c r="A1179" s="10">
        <v>3078</v>
      </c>
      <c r="B1179" s="10" t="s">
        <v>6243</v>
      </c>
      <c r="C1179" s="10" t="s">
        <v>6244</v>
      </c>
      <c r="D1179" s="10" t="s">
        <v>6245</v>
      </c>
      <c r="E1179" s="10" t="s">
        <v>6246</v>
      </c>
      <c r="F1179" s="10" t="s">
        <v>6247</v>
      </c>
      <c r="G1179" s="10" t="s">
        <v>6248</v>
      </c>
      <c r="H1179" s="10" t="s">
        <v>6249</v>
      </c>
      <c r="I1179" s="11">
        <v>45271</v>
      </c>
    </row>
    <row r="1180" spans="1:9" x14ac:dyDescent="0.2">
      <c r="A1180" s="13">
        <v>3414</v>
      </c>
      <c r="B1180" s="10" t="s">
        <v>8122</v>
      </c>
      <c r="C1180" s="10" t="s">
        <v>8123</v>
      </c>
      <c r="D1180" s="10" t="s">
        <v>8124</v>
      </c>
      <c r="E1180" s="10" t="s">
        <v>8125</v>
      </c>
      <c r="F1180" s="10" t="s">
        <v>8126</v>
      </c>
      <c r="G1180" s="10" t="s">
        <v>8127</v>
      </c>
      <c r="H1180" s="10" t="s">
        <v>8123</v>
      </c>
      <c r="I1180" s="11">
        <v>45715</v>
      </c>
    </row>
    <row r="1181" spans="1:9" x14ac:dyDescent="0.2">
      <c r="A1181" s="10">
        <v>2470</v>
      </c>
      <c r="B1181" s="10" t="s">
        <v>2948</v>
      </c>
      <c r="C1181" s="10" t="s">
        <v>2949</v>
      </c>
      <c r="D1181" s="10" t="s">
        <v>2950</v>
      </c>
      <c r="E1181" s="10" t="s">
        <v>2951</v>
      </c>
      <c r="F1181" s="10" t="s">
        <v>2952</v>
      </c>
      <c r="G1181" s="10" t="s">
        <v>2953</v>
      </c>
      <c r="H1181" s="10" t="s">
        <v>2949</v>
      </c>
      <c r="I1181" s="11">
        <v>44305</v>
      </c>
    </row>
    <row r="1182" spans="1:9" x14ac:dyDescent="0.2">
      <c r="A1182" s="10">
        <v>2113</v>
      </c>
      <c r="B1182" s="10" t="s">
        <v>1871</v>
      </c>
      <c r="C1182" s="10" t="s">
        <v>1872</v>
      </c>
      <c r="D1182" s="10" t="s">
        <v>1873</v>
      </c>
      <c r="E1182" s="10" t="s">
        <v>1874</v>
      </c>
      <c r="F1182" s="10" t="s">
        <v>1875</v>
      </c>
      <c r="G1182" s="10" t="s">
        <v>1876</v>
      </c>
      <c r="H1182" s="10" t="s">
        <v>1872</v>
      </c>
      <c r="I1182" s="11">
        <v>45517</v>
      </c>
    </row>
    <row r="1183" spans="1:9" x14ac:dyDescent="0.2">
      <c r="A1183" s="13">
        <v>3412</v>
      </c>
      <c r="B1183" s="10" t="s">
        <v>8110</v>
      </c>
      <c r="C1183" s="10" t="s">
        <v>8111</v>
      </c>
      <c r="D1183" s="10" t="s">
        <v>8112</v>
      </c>
      <c r="E1183" s="10" t="s">
        <v>8113</v>
      </c>
      <c r="F1183" s="10" t="s">
        <v>8114</v>
      </c>
      <c r="G1183" s="10" t="s">
        <v>8115</v>
      </c>
      <c r="H1183" s="10" t="s">
        <v>8116</v>
      </c>
      <c r="I1183" s="11">
        <v>45715</v>
      </c>
    </row>
    <row r="1184" spans="1:9" x14ac:dyDescent="0.2">
      <c r="A1184" s="14">
        <v>3603</v>
      </c>
      <c r="B1184" s="15" t="s">
        <v>9177</v>
      </c>
      <c r="C1184" s="10" t="s">
        <v>9178</v>
      </c>
      <c r="D1184" s="15" t="s">
        <v>9179</v>
      </c>
      <c r="E1184" s="10" t="s">
        <v>9180</v>
      </c>
      <c r="F1184" s="10" t="s">
        <v>9181</v>
      </c>
      <c r="G1184" s="10" t="s">
        <v>9182</v>
      </c>
      <c r="H1184" s="10" t="s">
        <v>9178</v>
      </c>
      <c r="I1184" s="11">
        <v>45988</v>
      </c>
    </row>
    <row r="1185" spans="1:9" x14ac:dyDescent="0.2">
      <c r="A1185" s="10">
        <v>1183</v>
      </c>
      <c r="B1185" s="10" t="s">
        <v>506</v>
      </c>
      <c r="C1185" s="10" t="s">
        <v>507</v>
      </c>
      <c r="D1185" s="10" t="s">
        <v>508</v>
      </c>
      <c r="E1185" s="10" t="s">
        <v>509</v>
      </c>
      <c r="F1185" s="10" t="s">
        <v>510</v>
      </c>
      <c r="G1185" s="10" t="s">
        <v>511</v>
      </c>
      <c r="H1185" s="10" t="s">
        <v>512</v>
      </c>
      <c r="I1185" s="11">
        <v>45021</v>
      </c>
    </row>
    <row r="1186" spans="1:9" x14ac:dyDescent="0.2">
      <c r="A1186" s="10">
        <v>2480</v>
      </c>
      <c r="B1186" s="10" t="s">
        <v>2992</v>
      </c>
      <c r="C1186" s="10" t="s">
        <v>2993</v>
      </c>
      <c r="D1186" s="10" t="s">
        <v>2994</v>
      </c>
      <c r="E1186" s="10" t="s">
        <v>2995</v>
      </c>
      <c r="F1186" s="10" t="s">
        <v>2996</v>
      </c>
      <c r="G1186" s="10" t="s">
        <v>2997</v>
      </c>
      <c r="H1186" s="10" t="s">
        <v>2993</v>
      </c>
      <c r="I1186" s="11">
        <v>44312</v>
      </c>
    </row>
    <row r="1187" spans="1:9" x14ac:dyDescent="0.2">
      <c r="A1187" s="13">
        <v>3542</v>
      </c>
      <c r="B1187" s="10" t="s">
        <v>8836</v>
      </c>
      <c r="C1187" s="10" t="s">
        <v>8837</v>
      </c>
      <c r="D1187" s="10" t="s">
        <v>8838</v>
      </c>
      <c r="E1187" s="10" t="s">
        <v>8839</v>
      </c>
      <c r="F1187" s="10" t="s">
        <v>8840</v>
      </c>
      <c r="G1187" s="10" t="s">
        <v>8841</v>
      </c>
      <c r="H1187" s="10" t="s">
        <v>8837</v>
      </c>
      <c r="I1187" s="11">
        <v>45881</v>
      </c>
    </row>
    <row r="1188" spans="1:9" x14ac:dyDescent="0.2">
      <c r="A1188" s="10">
        <v>3266</v>
      </c>
      <c r="B1188" s="10" t="s">
        <v>7266</v>
      </c>
      <c r="C1188" s="10" t="s">
        <v>7267</v>
      </c>
      <c r="D1188" s="10" t="s">
        <v>7268</v>
      </c>
      <c r="E1188" s="10" t="s">
        <v>7269</v>
      </c>
      <c r="F1188" s="10" t="s">
        <v>7270</v>
      </c>
      <c r="G1188" s="10" t="s">
        <v>7271</v>
      </c>
      <c r="H1188" s="10" t="s">
        <v>7272</v>
      </c>
      <c r="I1188" s="11">
        <v>45512</v>
      </c>
    </row>
    <row r="1189" spans="1:9" x14ac:dyDescent="0.2">
      <c r="A1189" s="10">
        <v>2647</v>
      </c>
      <c r="B1189" s="10" t="s">
        <v>3877</v>
      </c>
      <c r="C1189" s="10" t="s">
        <v>35</v>
      </c>
      <c r="D1189" s="10" t="s">
        <v>144</v>
      </c>
      <c r="E1189" s="10" t="s">
        <v>3878</v>
      </c>
      <c r="F1189" s="10" t="s">
        <v>3879</v>
      </c>
      <c r="G1189" s="10" t="s">
        <v>3880</v>
      </c>
      <c r="H1189" s="10" t="s">
        <v>3881</v>
      </c>
      <c r="I1189" s="11">
        <v>44606</v>
      </c>
    </row>
    <row r="1190" spans="1:9" x14ac:dyDescent="0.2">
      <c r="A1190" s="10">
        <v>3075</v>
      </c>
      <c r="B1190" s="10" t="s">
        <v>6223</v>
      </c>
      <c r="C1190" s="10" t="s">
        <v>6224</v>
      </c>
      <c r="D1190" s="10" t="s">
        <v>6225</v>
      </c>
      <c r="E1190" s="10" t="s">
        <v>6226</v>
      </c>
      <c r="F1190" s="10" t="s">
        <v>6227</v>
      </c>
      <c r="G1190" s="10" t="s">
        <v>6228</v>
      </c>
      <c r="H1190" s="10" t="s">
        <v>6229</v>
      </c>
      <c r="I1190" s="11">
        <v>45274</v>
      </c>
    </row>
    <row r="1191" spans="1:9" x14ac:dyDescent="0.2">
      <c r="A1191" s="10">
        <v>2840</v>
      </c>
      <c r="B1191" s="10" t="s">
        <v>4920</v>
      </c>
      <c r="C1191" s="10" t="s">
        <v>4921</v>
      </c>
      <c r="D1191" s="10" t="s">
        <v>4922</v>
      </c>
      <c r="E1191" s="10" t="s">
        <v>4923</v>
      </c>
      <c r="F1191" s="10" t="s">
        <v>4924</v>
      </c>
      <c r="G1191" s="10" t="s">
        <v>4925</v>
      </c>
      <c r="H1191" s="10" t="s">
        <v>4921</v>
      </c>
      <c r="I1191" s="11">
        <v>44914</v>
      </c>
    </row>
    <row r="1192" spans="1:9" x14ac:dyDescent="0.2">
      <c r="A1192" s="10">
        <v>3272</v>
      </c>
      <c r="B1192" s="10" t="s">
        <v>7297</v>
      </c>
      <c r="C1192" s="10" t="s">
        <v>7298</v>
      </c>
      <c r="D1192" s="10" t="s">
        <v>7299</v>
      </c>
      <c r="E1192" s="10" t="s">
        <v>7300</v>
      </c>
      <c r="F1192" s="10" t="s">
        <v>7301</v>
      </c>
      <c r="G1192" s="10" t="s">
        <v>7302</v>
      </c>
      <c r="H1192" s="10" t="s">
        <v>7303</v>
      </c>
      <c r="I1192" s="11">
        <v>45523</v>
      </c>
    </row>
    <row r="1193" spans="1:9" x14ac:dyDescent="0.2">
      <c r="A1193" s="10">
        <v>2627</v>
      </c>
      <c r="B1193" s="10" t="s">
        <v>3767</v>
      </c>
      <c r="C1193" s="10" t="s">
        <v>3768</v>
      </c>
      <c r="D1193" s="10" t="s">
        <v>3769</v>
      </c>
      <c r="E1193" s="10" t="s">
        <v>3770</v>
      </c>
      <c r="F1193" s="10" t="s">
        <v>3771</v>
      </c>
      <c r="G1193" s="10" t="s">
        <v>3772</v>
      </c>
      <c r="H1193" s="10" t="s">
        <v>3768</v>
      </c>
      <c r="I1193" s="11">
        <v>44588</v>
      </c>
    </row>
    <row r="1194" spans="1:9" x14ac:dyDescent="0.2">
      <c r="A1194" s="10">
        <v>971</v>
      </c>
      <c r="B1194" s="10" t="s">
        <v>341</v>
      </c>
      <c r="C1194" s="10" t="s">
        <v>342</v>
      </c>
      <c r="D1194" s="10" t="s">
        <v>343</v>
      </c>
      <c r="E1194" s="10" t="s">
        <v>344</v>
      </c>
      <c r="F1194" s="10" t="s">
        <v>345</v>
      </c>
      <c r="G1194" s="10" t="s">
        <v>346</v>
      </c>
      <c r="H1194" s="10" t="s">
        <v>342</v>
      </c>
      <c r="I1194" s="11">
        <v>44244</v>
      </c>
    </row>
    <row r="1195" spans="1:9" x14ac:dyDescent="0.2">
      <c r="A1195" s="10">
        <v>3130</v>
      </c>
      <c r="B1195" s="10" t="s">
        <v>6540</v>
      </c>
      <c r="C1195" s="10" t="s">
        <v>6541</v>
      </c>
      <c r="D1195" s="10" t="s">
        <v>6542</v>
      </c>
      <c r="E1195" s="10" t="s">
        <v>6543</v>
      </c>
      <c r="F1195" s="10" t="s">
        <v>6544</v>
      </c>
      <c r="G1195" s="10" t="s">
        <v>6545</v>
      </c>
      <c r="H1195" s="10" t="s">
        <v>6546</v>
      </c>
      <c r="I1195" s="11">
        <v>45335</v>
      </c>
    </row>
    <row r="1196" spans="1:9" x14ac:dyDescent="0.2">
      <c r="A1196" s="10">
        <v>2671</v>
      </c>
      <c r="B1196" s="10" t="s">
        <v>3990</v>
      </c>
      <c r="C1196" s="10" t="s">
        <v>3991</v>
      </c>
      <c r="D1196" s="10" t="s">
        <v>897</v>
      </c>
      <c r="E1196" s="10" t="s">
        <v>3992</v>
      </c>
      <c r="F1196" s="10" t="s">
        <v>3993</v>
      </c>
      <c r="G1196" s="10" t="s">
        <v>3994</v>
      </c>
      <c r="H1196" s="10" t="s">
        <v>3995</v>
      </c>
      <c r="I1196" s="11">
        <v>44658</v>
      </c>
    </row>
    <row r="1197" spans="1:9" x14ac:dyDescent="0.2">
      <c r="A1197" s="10">
        <v>3377</v>
      </c>
      <c r="B1197" s="10" t="s">
        <v>7908</v>
      </c>
      <c r="C1197" s="10" t="s">
        <v>7909</v>
      </c>
      <c r="D1197" s="10" t="s">
        <v>7910</v>
      </c>
      <c r="E1197" s="10" t="s">
        <v>7911</v>
      </c>
      <c r="F1197" s="10" t="s">
        <v>7912</v>
      </c>
      <c r="G1197" s="10" t="s">
        <v>7913</v>
      </c>
      <c r="H1197" s="10" t="s">
        <v>7909</v>
      </c>
      <c r="I1197" s="11">
        <v>45673</v>
      </c>
    </row>
    <row r="1198" spans="1:9" x14ac:dyDescent="0.2">
      <c r="A1198" s="14">
        <v>3594</v>
      </c>
      <c r="B1198" s="15" t="s">
        <v>9126</v>
      </c>
      <c r="C1198" s="10" t="s">
        <v>9127</v>
      </c>
      <c r="D1198" s="15" t="s">
        <v>9128</v>
      </c>
      <c r="E1198" s="10" t="s">
        <v>9129</v>
      </c>
      <c r="F1198" s="10" t="s">
        <v>9130</v>
      </c>
      <c r="G1198" s="10" t="s">
        <v>9131</v>
      </c>
      <c r="H1198" s="10" t="s">
        <v>9132</v>
      </c>
      <c r="I1198" s="11">
        <v>45981</v>
      </c>
    </row>
    <row r="1199" spans="1:9" x14ac:dyDescent="0.2">
      <c r="A1199" s="10">
        <v>2158</v>
      </c>
      <c r="B1199" s="10" t="s">
        <v>1965</v>
      </c>
      <c r="C1199" s="10" t="s">
        <v>1966</v>
      </c>
      <c r="D1199" s="10" t="s">
        <v>1967</v>
      </c>
      <c r="E1199" s="10" t="s">
        <v>1968</v>
      </c>
      <c r="F1199" s="10" t="s">
        <v>1969</v>
      </c>
      <c r="G1199" s="10" t="s">
        <v>1970</v>
      </c>
      <c r="H1199" s="10" t="s">
        <v>1971</v>
      </c>
      <c r="I1199" s="11">
        <v>45621</v>
      </c>
    </row>
    <row r="1200" spans="1:9" x14ac:dyDescent="0.2">
      <c r="A1200" s="10">
        <v>2812</v>
      </c>
      <c r="B1200" s="10" t="s">
        <v>4773</v>
      </c>
      <c r="C1200" s="10" t="s">
        <v>4774</v>
      </c>
      <c r="D1200" s="10" t="s">
        <v>4775</v>
      </c>
      <c r="E1200" s="10" t="s">
        <v>4776</v>
      </c>
      <c r="F1200" s="10" t="s">
        <v>4777</v>
      </c>
      <c r="G1200" s="10" t="s">
        <v>4778</v>
      </c>
      <c r="H1200" s="10" t="s">
        <v>4779</v>
      </c>
      <c r="I1200" s="11">
        <v>44872</v>
      </c>
    </row>
    <row r="1201" spans="1:9" x14ac:dyDescent="0.2">
      <c r="A1201" s="10">
        <v>3025</v>
      </c>
      <c r="B1201" s="10" t="s">
        <v>5961</v>
      </c>
      <c r="C1201" s="10" t="s">
        <v>5962</v>
      </c>
      <c r="D1201" s="10" t="s">
        <v>5963</v>
      </c>
      <c r="E1201" s="10" t="s">
        <v>5964</v>
      </c>
      <c r="F1201" s="10" t="s">
        <v>5965</v>
      </c>
      <c r="G1201" s="10" t="s">
        <v>5966</v>
      </c>
      <c r="H1201" s="10" t="s">
        <v>5967</v>
      </c>
      <c r="I1201" s="11">
        <v>45204</v>
      </c>
    </row>
    <row r="1202" spans="1:9" x14ac:dyDescent="0.2">
      <c r="A1202" s="10">
        <v>2819</v>
      </c>
      <c r="B1202" s="10" t="s">
        <v>4806</v>
      </c>
      <c r="C1202" s="10" t="s">
        <v>4807</v>
      </c>
      <c r="D1202" s="10" t="s">
        <v>4808</v>
      </c>
      <c r="E1202" s="10" t="s">
        <v>4809</v>
      </c>
      <c r="F1202" s="10" t="s">
        <v>4810</v>
      </c>
      <c r="G1202" s="10" t="s">
        <v>4811</v>
      </c>
      <c r="H1202" s="10" t="s">
        <v>4807</v>
      </c>
      <c r="I1202" s="11">
        <v>44893</v>
      </c>
    </row>
    <row r="1203" spans="1:9" x14ac:dyDescent="0.2">
      <c r="A1203" s="10">
        <v>1122</v>
      </c>
      <c r="B1203" s="10" t="s">
        <v>444</v>
      </c>
      <c r="C1203" s="10" t="s">
        <v>35</v>
      </c>
      <c r="D1203" s="10" t="s">
        <v>445</v>
      </c>
      <c r="E1203" s="10" t="s">
        <v>446</v>
      </c>
      <c r="F1203" s="10" t="s">
        <v>447</v>
      </c>
      <c r="G1203" s="10" t="s">
        <v>448</v>
      </c>
      <c r="H1203" s="10" t="s">
        <v>449</v>
      </c>
      <c r="I1203" s="11">
        <v>44850</v>
      </c>
    </row>
    <row r="1204" spans="1:9" x14ac:dyDescent="0.2">
      <c r="A1204" s="10">
        <v>3168</v>
      </c>
      <c r="B1204" s="10" t="s">
        <v>6731</v>
      </c>
      <c r="C1204" s="10" t="s">
        <v>6732</v>
      </c>
      <c r="D1204" s="10" t="s">
        <v>6733</v>
      </c>
      <c r="E1204" s="10" t="s">
        <v>6734</v>
      </c>
      <c r="F1204" s="10" t="s">
        <v>6735</v>
      </c>
      <c r="G1204" s="10" t="s">
        <v>6736</v>
      </c>
      <c r="H1204" s="10" t="s">
        <v>6732</v>
      </c>
      <c r="I1204" s="11">
        <v>45379</v>
      </c>
    </row>
    <row r="1205" spans="1:9" x14ac:dyDescent="0.2">
      <c r="A1205" s="10">
        <v>651</v>
      </c>
      <c r="B1205" s="10" t="s">
        <v>217</v>
      </c>
      <c r="C1205" s="10" t="s">
        <v>218</v>
      </c>
      <c r="D1205" s="10" t="s">
        <v>219</v>
      </c>
      <c r="E1205" s="10" t="s">
        <v>220</v>
      </c>
      <c r="F1205" s="10" t="s">
        <v>221</v>
      </c>
      <c r="G1205" s="10" t="s">
        <v>222</v>
      </c>
      <c r="H1205" s="10" t="s">
        <v>218</v>
      </c>
      <c r="I1205" s="11">
        <v>44726</v>
      </c>
    </row>
    <row r="1206" spans="1:9" x14ac:dyDescent="0.2">
      <c r="A1206" s="10">
        <v>2860</v>
      </c>
      <c r="B1206" s="10" t="s">
        <v>5030</v>
      </c>
      <c r="C1206" s="10" t="s">
        <v>5031</v>
      </c>
      <c r="D1206" s="10" t="s">
        <v>5032</v>
      </c>
      <c r="E1206" s="10" t="s">
        <v>5033</v>
      </c>
      <c r="F1206" s="10" t="s">
        <v>5034</v>
      </c>
      <c r="G1206" s="10" t="s">
        <v>5035</v>
      </c>
      <c r="H1206" s="10" t="s">
        <v>5036</v>
      </c>
      <c r="I1206" s="11">
        <v>44963</v>
      </c>
    </row>
    <row r="1207" spans="1:9" x14ac:dyDescent="0.2">
      <c r="A1207" s="10">
        <v>664</v>
      </c>
      <c r="B1207" s="10" t="s">
        <v>223</v>
      </c>
      <c r="C1207" s="10" t="s">
        <v>224</v>
      </c>
      <c r="D1207" s="10" t="s">
        <v>225</v>
      </c>
      <c r="E1207" s="10" t="s">
        <v>226</v>
      </c>
      <c r="F1207" s="10" t="s">
        <v>227</v>
      </c>
      <c r="G1207" s="10" t="s">
        <v>228</v>
      </c>
      <c r="H1207" s="10" t="s">
        <v>224</v>
      </c>
      <c r="I1207" s="11">
        <v>44748</v>
      </c>
    </row>
    <row r="1208" spans="1:9" x14ac:dyDescent="0.2">
      <c r="A1208" s="10">
        <v>2521</v>
      </c>
      <c r="B1208" s="10" t="s">
        <v>3195</v>
      </c>
      <c r="C1208" s="10" t="s">
        <v>3196</v>
      </c>
      <c r="D1208" s="10" t="s">
        <v>3197</v>
      </c>
      <c r="E1208" s="10" t="s">
        <v>3198</v>
      </c>
      <c r="F1208" s="10" t="s">
        <v>3199</v>
      </c>
      <c r="G1208" s="10" t="s">
        <v>3200</v>
      </c>
      <c r="H1208" s="10" t="s">
        <v>3201</v>
      </c>
      <c r="I1208" s="11">
        <v>44364</v>
      </c>
    </row>
    <row r="1209" spans="1:9" x14ac:dyDescent="0.2">
      <c r="A1209" s="10">
        <v>3169</v>
      </c>
      <c r="B1209" s="10" t="s">
        <v>6737</v>
      </c>
      <c r="C1209" s="10" t="s">
        <v>6738</v>
      </c>
      <c r="D1209" s="10" t="s">
        <v>6739</v>
      </c>
      <c r="E1209" s="10" t="s">
        <v>6740</v>
      </c>
      <c r="F1209" s="10" t="s">
        <v>6741</v>
      </c>
      <c r="G1209" s="10" t="s">
        <v>6742</v>
      </c>
      <c r="H1209" s="10" t="s">
        <v>6743</v>
      </c>
      <c r="I1209" s="11">
        <v>45379</v>
      </c>
    </row>
    <row r="1210" spans="1:9" x14ac:dyDescent="0.2">
      <c r="A1210" s="10">
        <v>1796</v>
      </c>
      <c r="B1210" s="10" t="s">
        <v>1280</v>
      </c>
      <c r="C1210" s="10" t="s">
        <v>1281</v>
      </c>
      <c r="D1210" s="10" t="s">
        <v>1282</v>
      </c>
      <c r="E1210" s="10" t="s">
        <v>1283</v>
      </c>
      <c r="F1210" s="10" t="s">
        <v>1284</v>
      </c>
      <c r="G1210" s="10" t="s">
        <v>1285</v>
      </c>
      <c r="H1210" s="10" t="s">
        <v>1281</v>
      </c>
      <c r="I1210" s="11">
        <v>44810</v>
      </c>
    </row>
    <row r="1211" spans="1:9" x14ac:dyDescent="0.2">
      <c r="A1211" s="13">
        <v>3538</v>
      </c>
      <c r="B1211" s="10" t="s">
        <v>8812</v>
      </c>
      <c r="C1211" s="10" t="s">
        <v>8813</v>
      </c>
      <c r="D1211" s="10" t="s">
        <v>8814</v>
      </c>
      <c r="E1211" s="10" t="s">
        <v>8815</v>
      </c>
      <c r="F1211" s="10" t="s">
        <v>8816</v>
      </c>
      <c r="G1211" s="10" t="s">
        <v>8817</v>
      </c>
      <c r="H1211" s="10" t="s">
        <v>8813</v>
      </c>
      <c r="I1211" s="11">
        <v>45901</v>
      </c>
    </row>
    <row r="1212" spans="1:9" x14ac:dyDescent="0.2">
      <c r="A1212" s="10">
        <v>2757</v>
      </c>
      <c r="B1212" s="10" t="s">
        <v>4463</v>
      </c>
      <c r="C1212" s="10" t="s">
        <v>4464</v>
      </c>
      <c r="D1212" s="10" t="s">
        <v>4465</v>
      </c>
      <c r="E1212" s="10" t="s">
        <v>4466</v>
      </c>
      <c r="F1212" s="10" t="s">
        <v>4467</v>
      </c>
      <c r="G1212" s="10" t="s">
        <v>4468</v>
      </c>
      <c r="H1212" s="10" t="s">
        <v>4469</v>
      </c>
      <c r="I1212" s="11">
        <v>44770</v>
      </c>
    </row>
    <row r="1213" spans="1:9" x14ac:dyDescent="0.2">
      <c r="A1213" s="10">
        <v>1716</v>
      </c>
      <c r="B1213" s="10" t="s">
        <v>1117</v>
      </c>
      <c r="C1213" s="10" t="s">
        <v>1118</v>
      </c>
      <c r="D1213" s="10" t="s">
        <v>1119</v>
      </c>
      <c r="E1213" s="10" t="s">
        <v>1120</v>
      </c>
      <c r="F1213" s="10" t="s">
        <v>1121</v>
      </c>
      <c r="G1213" s="10" t="s">
        <v>1122</v>
      </c>
      <c r="H1213" s="10" t="s">
        <v>1118</v>
      </c>
      <c r="I1213" s="11">
        <v>44650</v>
      </c>
    </row>
    <row r="1214" spans="1:9" x14ac:dyDescent="0.2">
      <c r="A1214" s="10">
        <v>2820</v>
      </c>
      <c r="B1214" s="10" t="s">
        <v>4812</v>
      </c>
      <c r="C1214" s="10" t="s">
        <v>4813</v>
      </c>
      <c r="D1214" s="10" t="s">
        <v>4814</v>
      </c>
      <c r="E1214" s="10" t="s">
        <v>4815</v>
      </c>
      <c r="F1214" s="10" t="s">
        <v>4816</v>
      </c>
      <c r="G1214" s="10" t="s">
        <v>4817</v>
      </c>
      <c r="H1214" s="10" t="s">
        <v>4818</v>
      </c>
      <c r="I1214" s="11">
        <v>44875</v>
      </c>
    </row>
    <row r="1215" spans="1:9" x14ac:dyDescent="0.2">
      <c r="A1215" s="10">
        <v>1034</v>
      </c>
      <c r="B1215" s="10" t="s">
        <v>383</v>
      </c>
      <c r="C1215" s="10" t="s">
        <v>384</v>
      </c>
      <c r="D1215" s="10" t="s">
        <v>385</v>
      </c>
      <c r="E1215" s="10" t="s">
        <v>386</v>
      </c>
      <c r="F1215" s="10" t="s">
        <v>387</v>
      </c>
      <c r="G1215" s="10" t="s">
        <v>388</v>
      </c>
      <c r="H1215" s="10" t="s">
        <v>384</v>
      </c>
      <c r="I1215" s="11">
        <v>44493</v>
      </c>
    </row>
    <row r="1216" spans="1:9" x14ac:dyDescent="0.2">
      <c r="A1216" s="10">
        <v>2996</v>
      </c>
      <c r="B1216" s="10" t="s">
        <v>5791</v>
      </c>
      <c r="C1216" s="10" t="s">
        <v>5792</v>
      </c>
      <c r="D1216" s="10" t="s">
        <v>1554</v>
      </c>
      <c r="E1216" s="10" t="s">
        <v>5793</v>
      </c>
      <c r="F1216" s="10" t="s">
        <v>5794</v>
      </c>
      <c r="G1216" s="10" t="s">
        <v>388</v>
      </c>
      <c r="H1216" s="10" t="s">
        <v>5795</v>
      </c>
      <c r="I1216" s="11">
        <v>45169</v>
      </c>
    </row>
    <row r="1217" spans="1:9" x14ac:dyDescent="0.2">
      <c r="A1217" s="10">
        <v>2900</v>
      </c>
      <c r="B1217" s="10" t="s">
        <v>5266</v>
      </c>
      <c r="C1217" s="10" t="s">
        <v>5267</v>
      </c>
      <c r="D1217" s="10" t="s">
        <v>3654</v>
      </c>
      <c r="E1217" s="10" t="s">
        <v>5268</v>
      </c>
      <c r="F1217" s="10" t="s">
        <v>5269</v>
      </c>
      <c r="G1217" s="10" t="s">
        <v>5270</v>
      </c>
      <c r="H1217" s="10" t="s">
        <v>5267</v>
      </c>
      <c r="I1217" s="11">
        <v>45033</v>
      </c>
    </row>
    <row r="1218" spans="1:9" x14ac:dyDescent="0.2">
      <c r="A1218" s="10">
        <v>1876</v>
      </c>
      <c r="B1218" s="10" t="s">
        <v>1435</v>
      </c>
      <c r="C1218" s="10" t="s">
        <v>1436</v>
      </c>
      <c r="D1218" s="10" t="s">
        <v>1437</v>
      </c>
      <c r="E1218" s="10" t="s">
        <v>1438</v>
      </c>
      <c r="F1218" s="10" t="s">
        <v>1439</v>
      </c>
      <c r="G1218" s="10" t="s">
        <v>1440</v>
      </c>
      <c r="H1218" s="10" t="s">
        <v>1441</v>
      </c>
      <c r="I1218" s="11">
        <v>45011</v>
      </c>
    </row>
    <row r="1219" spans="1:9" x14ac:dyDescent="0.2">
      <c r="A1219" s="10">
        <v>2717</v>
      </c>
      <c r="B1219" s="10" t="s">
        <v>4232</v>
      </c>
      <c r="C1219" s="10" t="s">
        <v>4233</v>
      </c>
      <c r="D1219" s="10" t="s">
        <v>4234</v>
      </c>
      <c r="E1219" s="10" t="s">
        <v>4235</v>
      </c>
      <c r="F1219" s="10" t="s">
        <v>4236</v>
      </c>
      <c r="G1219" s="10" t="s">
        <v>4237</v>
      </c>
      <c r="H1219" s="10" t="s">
        <v>4238</v>
      </c>
      <c r="I1219" s="11">
        <v>44728</v>
      </c>
    </row>
    <row r="1220" spans="1:9" x14ac:dyDescent="0.2">
      <c r="A1220" s="10">
        <v>2260</v>
      </c>
      <c r="B1220" s="10" t="s">
        <v>2171</v>
      </c>
      <c r="C1220" s="10" t="s">
        <v>2172</v>
      </c>
      <c r="D1220" s="10" t="s">
        <v>2173</v>
      </c>
      <c r="E1220" s="10" t="s">
        <v>2174</v>
      </c>
      <c r="F1220" s="10" t="s">
        <v>2175</v>
      </c>
      <c r="G1220" s="10" t="s">
        <v>2176</v>
      </c>
      <c r="H1220" s="10" t="s">
        <v>2172</v>
      </c>
      <c r="I1220" s="11">
        <v>45833</v>
      </c>
    </row>
    <row r="1221" spans="1:9" x14ac:dyDescent="0.2">
      <c r="A1221" s="10">
        <v>3054</v>
      </c>
      <c r="B1221" s="10" t="s">
        <v>6110</v>
      </c>
      <c r="C1221" s="10" t="s">
        <v>6111</v>
      </c>
      <c r="D1221" s="10" t="s">
        <v>6112</v>
      </c>
      <c r="E1221" s="10" t="s">
        <v>6113</v>
      </c>
      <c r="F1221" s="10" t="s">
        <v>6114</v>
      </c>
      <c r="G1221" s="10" t="s">
        <v>2176</v>
      </c>
      <c r="H1221" s="10" t="s">
        <v>6115</v>
      </c>
      <c r="I1221" s="11">
        <v>45257</v>
      </c>
    </row>
    <row r="1222" spans="1:9" x14ac:dyDescent="0.2">
      <c r="A1222" s="10">
        <v>2472</v>
      </c>
      <c r="B1222" s="10" t="s">
        <v>2960</v>
      </c>
      <c r="C1222" s="10" t="s">
        <v>2961</v>
      </c>
      <c r="D1222" s="10" t="s">
        <v>2962</v>
      </c>
      <c r="E1222" s="10" t="s">
        <v>2963</v>
      </c>
      <c r="F1222" s="10" t="s">
        <v>2964</v>
      </c>
      <c r="G1222" s="10" t="s">
        <v>2965</v>
      </c>
      <c r="H1222" s="10" t="s">
        <v>2961</v>
      </c>
      <c r="I1222" s="11">
        <v>44312</v>
      </c>
    </row>
    <row r="1223" spans="1:9" x14ac:dyDescent="0.2">
      <c r="A1223" s="10">
        <v>3221</v>
      </c>
      <c r="B1223" s="10" t="s">
        <v>7015</v>
      </c>
      <c r="C1223" s="10" t="s">
        <v>7016</v>
      </c>
      <c r="D1223" s="10" t="s">
        <v>7017</v>
      </c>
      <c r="E1223" s="10" t="s">
        <v>7018</v>
      </c>
      <c r="F1223" s="10" t="s">
        <v>7019</v>
      </c>
      <c r="G1223" s="10" t="s">
        <v>7020</v>
      </c>
      <c r="H1223" s="10" t="s">
        <v>7021</v>
      </c>
      <c r="I1223" s="11">
        <v>45456</v>
      </c>
    </row>
    <row r="1224" spans="1:9" x14ac:dyDescent="0.2">
      <c r="A1224" s="10">
        <v>1568</v>
      </c>
      <c r="B1224" s="10" t="s">
        <v>864</v>
      </c>
      <c r="C1224" s="10" t="s">
        <v>865</v>
      </c>
      <c r="D1224" s="10" t="s">
        <v>866</v>
      </c>
      <c r="E1224" s="10" t="s">
        <v>867</v>
      </c>
      <c r="F1224" s="10" t="s">
        <v>868</v>
      </c>
      <c r="G1224" s="10" t="s">
        <v>869</v>
      </c>
      <c r="H1224" s="10" t="s">
        <v>865</v>
      </c>
      <c r="I1224" s="11">
        <v>44318</v>
      </c>
    </row>
    <row r="1225" spans="1:9" x14ac:dyDescent="0.2">
      <c r="A1225" s="10">
        <v>3309</v>
      </c>
      <c r="B1225" s="10" t="s">
        <v>7509</v>
      </c>
      <c r="C1225" s="10" t="s">
        <v>7510</v>
      </c>
      <c r="D1225" s="10" t="s">
        <v>7511</v>
      </c>
      <c r="E1225" s="10" t="s">
        <v>7512</v>
      </c>
      <c r="F1225" s="10" t="s">
        <v>7513</v>
      </c>
      <c r="G1225" s="10" t="s">
        <v>7514</v>
      </c>
      <c r="H1225" s="10" t="s">
        <v>7510</v>
      </c>
      <c r="I1225" s="11">
        <v>45582</v>
      </c>
    </row>
    <row r="1226" spans="1:9" x14ac:dyDescent="0.2">
      <c r="A1226" s="10">
        <v>2897</v>
      </c>
      <c r="B1226" s="10" t="s">
        <v>5247</v>
      </c>
      <c r="C1226" s="10" t="s">
        <v>5248</v>
      </c>
      <c r="D1226" s="10" t="s">
        <v>5249</v>
      </c>
      <c r="E1226" s="10" t="s">
        <v>5250</v>
      </c>
      <c r="F1226" s="10" t="s">
        <v>5251</v>
      </c>
      <c r="G1226" s="10" t="s">
        <v>5252</v>
      </c>
      <c r="H1226" s="10" t="s">
        <v>5248</v>
      </c>
      <c r="I1226" s="11">
        <v>45022</v>
      </c>
    </row>
    <row r="1227" spans="1:9" x14ac:dyDescent="0.2">
      <c r="A1227" s="10">
        <v>2938</v>
      </c>
      <c r="B1227" s="10" t="s">
        <v>5479</v>
      </c>
      <c r="C1227" s="10" t="s">
        <v>5480</v>
      </c>
      <c r="D1227" s="10" t="s">
        <v>5481</v>
      </c>
      <c r="E1227" s="10" t="s">
        <v>5482</v>
      </c>
      <c r="F1227" s="10" t="s">
        <v>5483</v>
      </c>
      <c r="G1227" s="10" t="s">
        <v>5484</v>
      </c>
      <c r="H1227" s="10" t="s">
        <v>5480</v>
      </c>
      <c r="I1227" s="11">
        <v>45075</v>
      </c>
    </row>
    <row r="1228" spans="1:9" x14ac:dyDescent="0.2">
      <c r="A1228" s="10">
        <v>2421</v>
      </c>
      <c r="B1228" s="10" t="s">
        <v>2686</v>
      </c>
      <c r="C1228" s="10" t="s">
        <v>35</v>
      </c>
      <c r="D1228" s="10" t="s">
        <v>2687</v>
      </c>
      <c r="E1228" s="10" t="s">
        <v>2688</v>
      </c>
      <c r="F1228" s="10" t="s">
        <v>2689</v>
      </c>
      <c r="G1228" s="10" t="s">
        <v>2690</v>
      </c>
      <c r="H1228" s="10" t="s">
        <v>2691</v>
      </c>
      <c r="I1228" s="11">
        <v>44263</v>
      </c>
    </row>
    <row r="1229" spans="1:9" x14ac:dyDescent="0.2">
      <c r="A1229" s="10">
        <v>3122</v>
      </c>
      <c r="B1229" s="10" t="s">
        <v>6496</v>
      </c>
      <c r="C1229" s="10" t="s">
        <v>6497</v>
      </c>
      <c r="D1229" s="10" t="s">
        <v>6498</v>
      </c>
      <c r="E1229" s="10" t="s">
        <v>6499</v>
      </c>
      <c r="F1229" s="10" t="s">
        <v>6500</v>
      </c>
      <c r="G1229" s="10" t="s">
        <v>6501</v>
      </c>
      <c r="H1229" s="10" t="s">
        <v>6497</v>
      </c>
      <c r="I1229" s="11">
        <v>45323</v>
      </c>
    </row>
    <row r="1230" spans="1:9" x14ac:dyDescent="0.2">
      <c r="A1230" s="10">
        <v>2059</v>
      </c>
      <c r="B1230" s="10" t="s">
        <v>1808</v>
      </c>
      <c r="C1230" s="10" t="s">
        <v>1809</v>
      </c>
      <c r="D1230" s="10" t="s">
        <v>1810</v>
      </c>
      <c r="E1230" s="10" t="s">
        <v>1811</v>
      </c>
      <c r="F1230" s="10" t="s">
        <v>1812</v>
      </c>
      <c r="G1230" s="10" t="s">
        <v>1813</v>
      </c>
      <c r="H1230" s="10" t="s">
        <v>1809</v>
      </c>
      <c r="I1230" s="11">
        <v>45425</v>
      </c>
    </row>
    <row r="1231" spans="1:9" x14ac:dyDescent="0.2">
      <c r="A1231" s="10">
        <v>2240</v>
      </c>
      <c r="B1231" s="10" t="s">
        <v>2134</v>
      </c>
      <c r="C1231" s="10" t="s">
        <v>2135</v>
      </c>
      <c r="D1231" s="10" t="s">
        <v>2136</v>
      </c>
      <c r="E1231" s="10" t="s">
        <v>2137</v>
      </c>
      <c r="F1231" s="10" t="s">
        <v>2138</v>
      </c>
      <c r="G1231" s="10" t="s">
        <v>2139</v>
      </c>
      <c r="H1231" s="10" t="s">
        <v>2140</v>
      </c>
      <c r="I1231" s="11">
        <v>45788</v>
      </c>
    </row>
    <row r="1232" spans="1:9" x14ac:dyDescent="0.2">
      <c r="A1232" s="10">
        <v>2395</v>
      </c>
      <c r="B1232" s="10" t="s">
        <v>2553</v>
      </c>
      <c r="C1232" s="10" t="s">
        <v>35</v>
      </c>
      <c r="D1232" s="10" t="s">
        <v>349</v>
      </c>
      <c r="E1232" s="10" t="s">
        <v>2554</v>
      </c>
      <c r="F1232" s="10" t="s">
        <v>2555</v>
      </c>
      <c r="G1232" s="10" t="s">
        <v>2556</v>
      </c>
      <c r="H1232" s="10" t="s">
        <v>2557</v>
      </c>
      <c r="I1232" s="11">
        <v>46061</v>
      </c>
    </row>
    <row r="1233" spans="1:9" x14ac:dyDescent="0.2">
      <c r="A1233" s="10">
        <v>1397</v>
      </c>
      <c r="B1233" s="10" t="s">
        <v>683</v>
      </c>
      <c r="C1233" s="10" t="s">
        <v>684</v>
      </c>
      <c r="D1233" s="10" t="s">
        <v>685</v>
      </c>
      <c r="E1233" s="10" t="s">
        <v>686</v>
      </c>
      <c r="F1233" s="10" t="s">
        <v>687</v>
      </c>
      <c r="G1233" s="10" t="s">
        <v>688</v>
      </c>
      <c r="H1233" s="10" t="s">
        <v>684</v>
      </c>
      <c r="I1233" s="11">
        <v>45673</v>
      </c>
    </row>
    <row r="1234" spans="1:9" x14ac:dyDescent="0.2">
      <c r="A1234" s="10">
        <v>2437</v>
      </c>
      <c r="B1234" s="10" t="s">
        <v>2771</v>
      </c>
      <c r="C1234" s="10" t="s">
        <v>2772</v>
      </c>
      <c r="D1234" s="10" t="s">
        <v>2773</v>
      </c>
      <c r="E1234" s="10" t="s">
        <v>2774</v>
      </c>
      <c r="F1234" s="10" t="s">
        <v>2775</v>
      </c>
      <c r="G1234" s="10" t="s">
        <v>2776</v>
      </c>
      <c r="H1234" s="10" t="s">
        <v>2772</v>
      </c>
      <c r="I1234" s="11">
        <v>44280</v>
      </c>
    </row>
    <row r="1235" spans="1:9" x14ac:dyDescent="0.2">
      <c r="A1235" s="10">
        <v>2677</v>
      </c>
      <c r="B1235" s="10" t="s">
        <v>4026</v>
      </c>
      <c r="C1235" s="10" t="s">
        <v>4027</v>
      </c>
      <c r="D1235" s="10" t="s">
        <v>4028</v>
      </c>
      <c r="E1235" s="10" t="s">
        <v>4029</v>
      </c>
      <c r="F1235" s="10" t="s">
        <v>4030</v>
      </c>
      <c r="G1235" s="10" t="s">
        <v>4031</v>
      </c>
      <c r="H1235" s="10" t="s">
        <v>4027</v>
      </c>
      <c r="I1235" s="11">
        <v>44662</v>
      </c>
    </row>
    <row r="1236" spans="1:9" x14ac:dyDescent="0.2">
      <c r="A1236" s="10">
        <v>2856</v>
      </c>
      <c r="B1236" s="10" t="s">
        <v>5005</v>
      </c>
      <c r="C1236" s="10" t="s">
        <v>5006</v>
      </c>
      <c r="D1236" s="10" t="s">
        <v>5007</v>
      </c>
      <c r="E1236" s="10" t="s">
        <v>5008</v>
      </c>
      <c r="F1236" s="10" t="s">
        <v>5009</v>
      </c>
      <c r="G1236" s="10" t="s">
        <v>5010</v>
      </c>
      <c r="H1236" s="10" t="s">
        <v>5011</v>
      </c>
      <c r="I1236" s="11">
        <v>44963</v>
      </c>
    </row>
    <row r="1237" spans="1:9" x14ac:dyDescent="0.2">
      <c r="A1237" s="10">
        <v>3091</v>
      </c>
      <c r="B1237" s="10" t="s">
        <v>6321</v>
      </c>
      <c r="C1237" s="10" t="s">
        <v>6322</v>
      </c>
      <c r="D1237" s="10" t="s">
        <v>4247</v>
      </c>
      <c r="E1237" s="10" t="s">
        <v>6323</v>
      </c>
      <c r="F1237" s="10" t="s">
        <v>6324</v>
      </c>
      <c r="G1237" s="10" t="s">
        <v>6325</v>
      </c>
      <c r="H1237" s="10" t="s">
        <v>6326</v>
      </c>
      <c r="I1237" s="11">
        <v>45281</v>
      </c>
    </row>
    <row r="1238" spans="1:9" x14ac:dyDescent="0.2">
      <c r="A1238" s="10">
        <v>2445</v>
      </c>
      <c r="B1238" s="10" t="s">
        <v>2811</v>
      </c>
      <c r="C1238" s="10" t="s">
        <v>2812</v>
      </c>
      <c r="D1238" s="10" t="s">
        <v>2813</v>
      </c>
      <c r="E1238" s="10" t="s">
        <v>2814</v>
      </c>
      <c r="F1238" s="10" t="s">
        <v>2815</v>
      </c>
      <c r="G1238" s="10" t="s">
        <v>2816</v>
      </c>
      <c r="H1238" s="10" t="s">
        <v>2812</v>
      </c>
      <c r="I1238" s="11">
        <v>44284</v>
      </c>
    </row>
    <row r="1239" spans="1:9" x14ac:dyDescent="0.2">
      <c r="A1239" s="10">
        <v>2478</v>
      </c>
      <c r="B1239" s="10" t="s">
        <v>2979</v>
      </c>
      <c r="C1239" s="10" t="s">
        <v>2980</v>
      </c>
      <c r="D1239" s="10" t="s">
        <v>2981</v>
      </c>
      <c r="E1239" s="10" t="s">
        <v>2982</v>
      </c>
      <c r="F1239" s="10" t="s">
        <v>2983</v>
      </c>
      <c r="G1239" s="10" t="s">
        <v>2984</v>
      </c>
      <c r="H1239" s="10" t="s">
        <v>2985</v>
      </c>
      <c r="I1239" s="11">
        <v>44312</v>
      </c>
    </row>
    <row r="1240" spans="1:9" x14ac:dyDescent="0.2">
      <c r="A1240" s="10">
        <v>2398</v>
      </c>
      <c r="B1240" s="10" t="s">
        <v>2571</v>
      </c>
      <c r="C1240" s="10" t="s">
        <v>2572</v>
      </c>
      <c r="D1240" s="10" t="s">
        <v>2573</v>
      </c>
      <c r="E1240" s="10" t="s">
        <v>2574</v>
      </c>
      <c r="F1240" s="10" t="s">
        <v>2575</v>
      </c>
      <c r="G1240" s="10" t="s">
        <v>2576</v>
      </c>
      <c r="H1240" s="10" t="s">
        <v>2572</v>
      </c>
      <c r="I1240" s="11">
        <v>44242</v>
      </c>
    </row>
    <row r="1241" spans="1:9" x14ac:dyDescent="0.2">
      <c r="A1241" s="13">
        <v>3534</v>
      </c>
      <c r="B1241" s="10" t="s">
        <v>8795</v>
      </c>
      <c r="C1241" s="10" t="s">
        <v>8796</v>
      </c>
      <c r="D1241" s="10" t="s">
        <v>8797</v>
      </c>
      <c r="E1241" s="10" t="s">
        <v>8798</v>
      </c>
      <c r="F1241" s="10" t="s">
        <v>8799</v>
      </c>
      <c r="G1241" s="10" t="s">
        <v>8800</v>
      </c>
      <c r="H1241" s="10" t="s">
        <v>8796</v>
      </c>
      <c r="I1241" s="11">
        <v>45897</v>
      </c>
    </row>
    <row r="1242" spans="1:9" x14ac:dyDescent="0.2">
      <c r="A1242" s="10">
        <v>2593</v>
      </c>
      <c r="B1242" s="10" t="s">
        <v>3578</v>
      </c>
      <c r="C1242" s="10" t="s">
        <v>3579</v>
      </c>
      <c r="D1242" s="10" t="s">
        <v>3580</v>
      </c>
      <c r="E1242" s="10" t="s">
        <v>3581</v>
      </c>
      <c r="F1242" s="10" t="s">
        <v>3582</v>
      </c>
      <c r="G1242" s="10" t="s">
        <v>3583</v>
      </c>
      <c r="H1242" s="10" t="s">
        <v>3579</v>
      </c>
      <c r="I1242" s="11">
        <v>44529</v>
      </c>
    </row>
    <row r="1243" spans="1:9" x14ac:dyDescent="0.2">
      <c r="A1243" s="10">
        <v>1995</v>
      </c>
      <c r="B1243" s="10" t="s">
        <v>1659</v>
      </c>
      <c r="C1243" s="10" t="s">
        <v>1660</v>
      </c>
      <c r="D1243" s="10" t="s">
        <v>1661</v>
      </c>
      <c r="E1243" s="10" t="s">
        <v>1662</v>
      </c>
      <c r="F1243" s="10" t="s">
        <v>1663</v>
      </c>
      <c r="G1243" s="10" t="s">
        <v>1664</v>
      </c>
      <c r="H1243" s="10" t="s">
        <v>1665</v>
      </c>
      <c r="I1243" s="11">
        <v>45298</v>
      </c>
    </row>
    <row r="1244" spans="1:9" x14ac:dyDescent="0.2">
      <c r="A1244" s="10">
        <v>2400</v>
      </c>
      <c r="B1244" s="10" t="s">
        <v>2582</v>
      </c>
      <c r="C1244" s="10" t="s">
        <v>35</v>
      </c>
      <c r="D1244" s="10" t="s">
        <v>2583</v>
      </c>
      <c r="E1244" s="10" t="s">
        <v>2584</v>
      </c>
      <c r="F1244" s="10" t="s">
        <v>2585</v>
      </c>
      <c r="G1244" s="10" t="s">
        <v>2586</v>
      </c>
      <c r="H1244" s="10" t="s">
        <v>2587</v>
      </c>
      <c r="I1244" s="11">
        <v>44245</v>
      </c>
    </row>
    <row r="1245" spans="1:9" x14ac:dyDescent="0.2">
      <c r="A1245" s="10">
        <v>1581</v>
      </c>
      <c r="B1245" s="10" t="s">
        <v>882</v>
      </c>
      <c r="C1245" s="10" t="s">
        <v>883</v>
      </c>
      <c r="D1245" s="10" t="s">
        <v>884</v>
      </c>
      <c r="E1245" s="10" t="s">
        <v>885</v>
      </c>
      <c r="F1245" s="10" t="s">
        <v>886</v>
      </c>
      <c r="G1245" s="10" t="s">
        <v>887</v>
      </c>
      <c r="H1245" s="10" t="s">
        <v>883</v>
      </c>
      <c r="I1245" s="11">
        <v>44356</v>
      </c>
    </row>
    <row r="1246" spans="1:9" x14ac:dyDescent="0.2">
      <c r="A1246" s="10">
        <v>3090</v>
      </c>
      <c r="B1246" s="10" t="s">
        <v>6315</v>
      </c>
      <c r="C1246" s="10" t="s">
        <v>6316</v>
      </c>
      <c r="D1246" s="10" t="s">
        <v>4965</v>
      </c>
      <c r="E1246" s="10" t="s">
        <v>6317</v>
      </c>
      <c r="F1246" s="10" t="s">
        <v>6318</v>
      </c>
      <c r="G1246" s="10" t="s">
        <v>6319</v>
      </c>
      <c r="H1246" s="10" t="s">
        <v>6320</v>
      </c>
      <c r="I1246" s="11">
        <v>45281</v>
      </c>
    </row>
    <row r="1247" spans="1:9" x14ac:dyDescent="0.2">
      <c r="A1247" s="10">
        <v>2753</v>
      </c>
      <c r="B1247" s="10" t="s">
        <v>4438</v>
      </c>
      <c r="C1247" s="10" t="s">
        <v>4439</v>
      </c>
      <c r="D1247" s="10" t="s">
        <v>4009</v>
      </c>
      <c r="E1247" s="10" t="s">
        <v>4440</v>
      </c>
      <c r="F1247" s="10" t="s">
        <v>4441</v>
      </c>
      <c r="G1247" s="10" t="s">
        <v>4442</v>
      </c>
      <c r="H1247" s="10" t="s">
        <v>4443</v>
      </c>
      <c r="I1247" s="11">
        <v>44763</v>
      </c>
    </row>
    <row r="1248" spans="1:9" x14ac:dyDescent="0.2">
      <c r="A1248" s="10">
        <v>3020</v>
      </c>
      <c r="B1248" s="10" t="s">
        <v>5933</v>
      </c>
      <c r="C1248" s="10" t="s">
        <v>5934</v>
      </c>
      <c r="D1248" s="10" t="s">
        <v>5935</v>
      </c>
      <c r="E1248" s="10" t="s">
        <v>5936</v>
      </c>
      <c r="F1248" s="10" t="s">
        <v>5937</v>
      </c>
      <c r="G1248" s="10" t="s">
        <v>5938</v>
      </c>
      <c r="H1248" s="10" t="s">
        <v>5934</v>
      </c>
      <c r="I1248" s="11">
        <v>45197</v>
      </c>
    </row>
    <row r="1249" spans="1:9" x14ac:dyDescent="0.2">
      <c r="A1249" s="13">
        <v>3530</v>
      </c>
      <c r="B1249" s="10" t="s">
        <v>8772</v>
      </c>
      <c r="C1249" s="10" t="s">
        <v>8773</v>
      </c>
      <c r="D1249" s="10" t="s">
        <v>5545</v>
      </c>
      <c r="E1249" s="10" t="s">
        <v>8774</v>
      </c>
      <c r="F1249" s="10" t="s">
        <v>8775</v>
      </c>
      <c r="G1249" s="10" t="s">
        <v>8776</v>
      </c>
      <c r="H1249" s="10" t="s">
        <v>8773</v>
      </c>
      <c r="I1249" s="11">
        <v>45890</v>
      </c>
    </row>
    <row r="1250" spans="1:9" x14ac:dyDescent="0.2">
      <c r="A1250" s="10">
        <v>2081</v>
      </c>
      <c r="B1250" s="10" t="s">
        <v>1825</v>
      </c>
      <c r="C1250" s="10" t="s">
        <v>1826</v>
      </c>
      <c r="D1250" s="10" t="s">
        <v>1827</v>
      </c>
      <c r="E1250" s="10" t="s">
        <v>1828</v>
      </c>
      <c r="F1250" s="10" t="s">
        <v>1829</v>
      </c>
      <c r="G1250" s="10" t="s">
        <v>1830</v>
      </c>
      <c r="H1250" s="10" t="s">
        <v>1831</v>
      </c>
      <c r="I1250" s="11">
        <v>45467</v>
      </c>
    </row>
    <row r="1251" spans="1:9" x14ac:dyDescent="0.2">
      <c r="A1251" s="10">
        <v>2187</v>
      </c>
      <c r="B1251" s="10" t="s">
        <v>2035</v>
      </c>
      <c r="C1251" s="10" t="s">
        <v>2036</v>
      </c>
      <c r="D1251" s="10" t="s">
        <v>2037</v>
      </c>
      <c r="E1251" s="10" t="s">
        <v>2038</v>
      </c>
      <c r="F1251" s="10" t="s">
        <v>2039</v>
      </c>
      <c r="G1251" s="10" t="s">
        <v>2040</v>
      </c>
      <c r="H1251" s="10" t="s">
        <v>2036</v>
      </c>
      <c r="I1251" s="11">
        <v>45691</v>
      </c>
    </row>
    <row r="1252" spans="1:9" x14ac:dyDescent="0.2">
      <c r="A1252" s="10">
        <v>3317</v>
      </c>
      <c r="B1252" s="10" t="s">
        <v>7557</v>
      </c>
      <c r="C1252" s="10" t="s">
        <v>7558</v>
      </c>
      <c r="D1252" s="10" t="s">
        <v>7559</v>
      </c>
      <c r="E1252" s="10" t="s">
        <v>7560</v>
      </c>
      <c r="F1252" s="10" t="s">
        <v>7561</v>
      </c>
      <c r="G1252" s="10" t="s">
        <v>7562</v>
      </c>
      <c r="H1252" s="10" t="s">
        <v>7558</v>
      </c>
      <c r="I1252" s="11">
        <v>45589</v>
      </c>
    </row>
    <row r="1253" spans="1:9" x14ac:dyDescent="0.2">
      <c r="A1253" s="10">
        <v>852</v>
      </c>
      <c r="B1253" s="10" t="s">
        <v>302</v>
      </c>
      <c r="C1253" s="10" t="s">
        <v>303</v>
      </c>
      <c r="D1253" s="10" t="s">
        <v>304</v>
      </c>
      <c r="E1253" s="10" t="s">
        <v>305</v>
      </c>
      <c r="F1253" s="10" t="s">
        <v>306</v>
      </c>
      <c r="G1253" s="10" t="s">
        <v>307</v>
      </c>
      <c r="H1253" s="10" t="s">
        <v>308</v>
      </c>
      <c r="I1253" s="11">
        <v>45501</v>
      </c>
    </row>
    <row r="1254" spans="1:9" x14ac:dyDescent="0.2">
      <c r="A1254" s="13">
        <v>3529</v>
      </c>
      <c r="B1254" s="10" t="s">
        <v>8767</v>
      </c>
      <c r="C1254" s="10" t="s">
        <v>8768</v>
      </c>
      <c r="D1254" s="10" t="s">
        <v>7094</v>
      </c>
      <c r="E1254" s="10" t="s">
        <v>8769</v>
      </c>
      <c r="F1254" s="10" t="s">
        <v>8770</v>
      </c>
      <c r="G1254" s="10" t="s">
        <v>8771</v>
      </c>
      <c r="H1254" s="10" t="s">
        <v>8768</v>
      </c>
      <c r="I1254" s="11">
        <v>45897</v>
      </c>
    </row>
    <row r="1255" spans="1:9" x14ac:dyDescent="0.2">
      <c r="A1255" s="10">
        <v>2813</v>
      </c>
      <c r="B1255" s="10" t="s">
        <v>4780</v>
      </c>
      <c r="C1255" s="10" t="s">
        <v>4781</v>
      </c>
      <c r="D1255" s="10" t="s">
        <v>4782</v>
      </c>
      <c r="E1255" s="10" t="s">
        <v>4783</v>
      </c>
      <c r="F1255" s="10" t="s">
        <v>4784</v>
      </c>
      <c r="G1255" s="10" t="s">
        <v>4785</v>
      </c>
      <c r="H1255" s="10" t="s">
        <v>4786</v>
      </c>
      <c r="I1255" s="11">
        <v>44872</v>
      </c>
    </row>
    <row r="1256" spans="1:9" x14ac:dyDescent="0.2">
      <c r="A1256" s="10">
        <v>2577</v>
      </c>
      <c r="B1256" s="10" t="s">
        <v>3493</v>
      </c>
      <c r="C1256" s="10" t="s">
        <v>3494</v>
      </c>
      <c r="D1256" s="10" t="s">
        <v>3495</v>
      </c>
      <c r="E1256" s="10" t="s">
        <v>3496</v>
      </c>
      <c r="F1256" s="10" t="s">
        <v>3497</v>
      </c>
      <c r="G1256" s="10" t="s">
        <v>3498</v>
      </c>
      <c r="H1256" s="10" t="s">
        <v>3494</v>
      </c>
      <c r="I1256" s="11">
        <v>44501</v>
      </c>
    </row>
    <row r="1257" spans="1:9" x14ac:dyDescent="0.2">
      <c r="A1257" s="10">
        <v>1996</v>
      </c>
      <c r="B1257" s="10" t="s">
        <v>1666</v>
      </c>
      <c r="C1257" s="10" t="s">
        <v>1667</v>
      </c>
      <c r="D1257" s="10" t="s">
        <v>1668</v>
      </c>
      <c r="E1257" s="10" t="s">
        <v>1669</v>
      </c>
      <c r="F1257" s="10" t="s">
        <v>1670</v>
      </c>
      <c r="G1257" s="10" t="s">
        <v>1671</v>
      </c>
      <c r="H1257" s="10" t="s">
        <v>1667</v>
      </c>
      <c r="I1257" s="11">
        <v>45298</v>
      </c>
    </row>
    <row r="1258" spans="1:9" x14ac:dyDescent="0.2">
      <c r="A1258" s="10">
        <v>2539</v>
      </c>
      <c r="B1258" s="10" t="s">
        <v>3285</v>
      </c>
      <c r="C1258" s="10" t="s">
        <v>3286</v>
      </c>
      <c r="D1258" s="10" t="s">
        <v>3287</v>
      </c>
      <c r="E1258" s="10" t="s">
        <v>3288</v>
      </c>
      <c r="F1258" s="10" t="s">
        <v>3289</v>
      </c>
      <c r="G1258" s="10" t="s">
        <v>3290</v>
      </c>
      <c r="H1258" s="10" t="s">
        <v>3286</v>
      </c>
      <c r="I1258" s="11">
        <v>44389</v>
      </c>
    </row>
    <row r="1259" spans="1:9" x14ac:dyDescent="0.2">
      <c r="A1259" s="10">
        <v>2233</v>
      </c>
      <c r="B1259" s="10" t="s">
        <v>2121</v>
      </c>
      <c r="C1259" s="10" t="s">
        <v>35</v>
      </c>
      <c r="D1259" s="10" t="s">
        <v>2122</v>
      </c>
      <c r="E1259" s="10" t="s">
        <v>2123</v>
      </c>
      <c r="F1259" s="10" t="s">
        <v>2124</v>
      </c>
      <c r="G1259" s="10" t="s">
        <v>2125</v>
      </c>
      <c r="H1259" s="10" t="s">
        <v>2126</v>
      </c>
      <c r="I1259" s="11">
        <v>45770</v>
      </c>
    </row>
    <row r="1260" spans="1:9" x14ac:dyDescent="0.2">
      <c r="A1260" s="14">
        <v>3560</v>
      </c>
      <c r="B1260" s="15" t="s">
        <v>8943</v>
      </c>
      <c r="C1260" s="10" t="s">
        <v>8944</v>
      </c>
      <c r="D1260" s="15" t="s">
        <v>231</v>
      </c>
      <c r="E1260" s="10" t="s">
        <v>8945</v>
      </c>
      <c r="F1260" s="10" t="s">
        <v>8946</v>
      </c>
      <c r="G1260" s="10" t="s">
        <v>8947</v>
      </c>
      <c r="H1260" s="10" t="s">
        <v>8944</v>
      </c>
      <c r="I1260" s="11">
        <v>45911</v>
      </c>
    </row>
    <row r="1261" spans="1:9" x14ac:dyDescent="0.2">
      <c r="A1261" s="13">
        <v>3476</v>
      </c>
      <c r="B1261" s="10" t="s">
        <v>8465</v>
      </c>
      <c r="C1261" s="10" t="s">
        <v>8466</v>
      </c>
      <c r="D1261" s="10" t="s">
        <v>8467</v>
      </c>
      <c r="E1261" s="10" t="s">
        <v>8468</v>
      </c>
      <c r="F1261" s="10" t="s">
        <v>8469</v>
      </c>
      <c r="G1261" s="10" t="s">
        <v>8470</v>
      </c>
      <c r="H1261" s="10" t="s">
        <v>8471</v>
      </c>
      <c r="I1261" s="11">
        <v>45792</v>
      </c>
    </row>
    <row r="1262" spans="1:9" x14ac:dyDescent="0.2">
      <c r="A1262" s="10">
        <v>2585</v>
      </c>
      <c r="B1262" s="10" t="s">
        <v>3536</v>
      </c>
      <c r="C1262" s="10" t="s">
        <v>35</v>
      </c>
      <c r="D1262" s="10" t="s">
        <v>3537</v>
      </c>
      <c r="E1262" s="10" t="s">
        <v>3538</v>
      </c>
      <c r="F1262" s="10" t="s">
        <v>3539</v>
      </c>
      <c r="G1262" s="10" t="s">
        <v>3540</v>
      </c>
      <c r="H1262" s="10" t="s">
        <v>3541</v>
      </c>
      <c r="I1262" s="11">
        <v>44529</v>
      </c>
    </row>
    <row r="1263" spans="1:9" x14ac:dyDescent="0.2">
      <c r="A1263" s="10">
        <v>2644</v>
      </c>
      <c r="B1263" s="10" t="s">
        <v>3859</v>
      </c>
      <c r="C1263" s="10" t="s">
        <v>3860</v>
      </c>
      <c r="D1263" s="10" t="s">
        <v>3861</v>
      </c>
      <c r="E1263" s="10" t="s">
        <v>3862</v>
      </c>
      <c r="F1263" s="10" t="s">
        <v>3863</v>
      </c>
      <c r="G1263" s="10" t="s">
        <v>3864</v>
      </c>
      <c r="H1263" s="10" t="s">
        <v>3865</v>
      </c>
      <c r="I1263" s="11">
        <v>44592</v>
      </c>
    </row>
    <row r="1264" spans="1:9" x14ac:dyDescent="0.2">
      <c r="A1264" s="10">
        <v>3395</v>
      </c>
      <c r="B1264" s="10" t="s">
        <v>8008</v>
      </c>
      <c r="C1264" s="10" t="s">
        <v>8009</v>
      </c>
      <c r="D1264" s="10" t="s">
        <v>854</v>
      </c>
      <c r="E1264" s="10" t="s">
        <v>8010</v>
      </c>
      <c r="F1264" s="10" t="s">
        <v>8011</v>
      </c>
      <c r="G1264" s="10" t="s">
        <v>8012</v>
      </c>
      <c r="H1264" s="10" t="s">
        <v>8013</v>
      </c>
      <c r="I1264" s="11">
        <v>45691</v>
      </c>
    </row>
    <row r="1265" spans="1:9" x14ac:dyDescent="0.2">
      <c r="A1265" s="10">
        <v>3104</v>
      </c>
      <c r="B1265" s="10" t="s">
        <v>6397</v>
      </c>
      <c r="C1265" s="10" t="s">
        <v>35</v>
      </c>
      <c r="D1265" s="10" t="s">
        <v>6398</v>
      </c>
      <c r="E1265" s="10" t="s">
        <v>6399</v>
      </c>
      <c r="F1265" s="10" t="s">
        <v>6400</v>
      </c>
      <c r="G1265" s="10" t="s">
        <v>6401</v>
      </c>
      <c r="H1265" s="10" t="s">
        <v>6402</v>
      </c>
      <c r="I1265" s="11">
        <v>45306</v>
      </c>
    </row>
    <row r="1266" spans="1:9" x14ac:dyDescent="0.2">
      <c r="A1266" s="10">
        <v>2889</v>
      </c>
      <c r="B1266" s="10" t="s">
        <v>5198</v>
      </c>
      <c r="C1266" s="10" t="s">
        <v>5199</v>
      </c>
      <c r="D1266" s="10" t="s">
        <v>1214</v>
      </c>
      <c r="E1266" s="10" t="s">
        <v>5200</v>
      </c>
      <c r="F1266" s="10" t="s">
        <v>5201</v>
      </c>
      <c r="G1266" s="10" t="s">
        <v>5202</v>
      </c>
      <c r="H1266" s="10" t="s">
        <v>5203</v>
      </c>
      <c r="I1266" s="11">
        <v>45001</v>
      </c>
    </row>
    <row r="1267" spans="1:9" x14ac:dyDescent="0.2">
      <c r="A1267" s="10">
        <v>3183</v>
      </c>
      <c r="B1267" s="10" t="s">
        <v>6815</v>
      </c>
      <c r="C1267" s="10" t="s">
        <v>6816</v>
      </c>
      <c r="D1267" s="10" t="s">
        <v>6817</v>
      </c>
      <c r="E1267" s="10" t="s">
        <v>6818</v>
      </c>
      <c r="F1267" s="10" t="s">
        <v>6819</v>
      </c>
      <c r="G1267" s="10" t="s">
        <v>5202</v>
      </c>
      <c r="H1267" s="10" t="s">
        <v>6820</v>
      </c>
      <c r="I1267" s="11">
        <v>45400</v>
      </c>
    </row>
    <row r="1268" spans="1:9" x14ac:dyDescent="0.2">
      <c r="A1268" s="10">
        <v>1654</v>
      </c>
      <c r="B1268" s="10" t="s">
        <v>1013</v>
      </c>
      <c r="C1268" s="10" t="s">
        <v>1014</v>
      </c>
      <c r="D1268" s="10" t="s">
        <v>1015</v>
      </c>
      <c r="E1268" s="10" t="s">
        <v>1016</v>
      </c>
      <c r="F1268" s="10" t="s">
        <v>1017</v>
      </c>
      <c r="G1268" s="10" t="s">
        <v>1018</v>
      </c>
      <c r="H1268" s="10" t="s">
        <v>1019</v>
      </c>
      <c r="I1268" s="11">
        <v>44493</v>
      </c>
    </row>
    <row r="1269" spans="1:9" x14ac:dyDescent="0.2">
      <c r="A1269" s="10">
        <v>2733</v>
      </c>
      <c r="B1269" s="10" t="s">
        <v>4321</v>
      </c>
      <c r="C1269" s="10" t="s">
        <v>35</v>
      </c>
      <c r="D1269" s="10" t="s">
        <v>2111</v>
      </c>
      <c r="E1269" s="10" t="s">
        <v>4322</v>
      </c>
      <c r="F1269" s="10" t="s">
        <v>4323</v>
      </c>
      <c r="G1269" s="10" t="s">
        <v>4324</v>
      </c>
      <c r="H1269" s="10" t="s">
        <v>4325</v>
      </c>
      <c r="I1269" s="11">
        <v>44735</v>
      </c>
    </row>
    <row r="1270" spans="1:9" x14ac:dyDescent="0.2">
      <c r="A1270" s="10">
        <v>3144</v>
      </c>
      <c r="B1270" s="10" t="s">
        <v>6614</v>
      </c>
      <c r="C1270" s="10" t="s">
        <v>6615</v>
      </c>
      <c r="D1270" s="10" t="s">
        <v>6616</v>
      </c>
      <c r="E1270" s="10" t="s">
        <v>6617</v>
      </c>
      <c r="F1270" s="10" t="s">
        <v>6618</v>
      </c>
      <c r="G1270" s="10" t="s">
        <v>6619</v>
      </c>
      <c r="H1270" s="10" t="s">
        <v>6620</v>
      </c>
      <c r="I1270" s="11">
        <v>45355</v>
      </c>
    </row>
    <row r="1271" spans="1:9" x14ac:dyDescent="0.2">
      <c r="A1271" s="10">
        <v>2933</v>
      </c>
      <c r="B1271" s="10" t="s">
        <v>5449</v>
      </c>
      <c r="C1271" s="10" t="s">
        <v>5450</v>
      </c>
      <c r="D1271" s="10" t="s">
        <v>5099</v>
      </c>
      <c r="E1271" s="10" t="s">
        <v>5451</v>
      </c>
      <c r="F1271" s="10" t="s">
        <v>5452</v>
      </c>
      <c r="G1271" s="10" t="s">
        <v>5453</v>
      </c>
      <c r="H1271" s="10" t="s">
        <v>5454</v>
      </c>
      <c r="I1271" s="11">
        <v>45085</v>
      </c>
    </row>
    <row r="1272" spans="1:9" x14ac:dyDescent="0.2">
      <c r="A1272" s="10">
        <v>1678</v>
      </c>
      <c r="B1272" s="10" t="s">
        <v>1056</v>
      </c>
      <c r="C1272" s="10" t="s">
        <v>1057</v>
      </c>
      <c r="D1272" s="10" t="s">
        <v>1058</v>
      </c>
      <c r="E1272" s="10" t="s">
        <v>1059</v>
      </c>
      <c r="F1272" s="10" t="s">
        <v>1060</v>
      </c>
      <c r="G1272" s="10" t="s">
        <v>1061</v>
      </c>
      <c r="H1272" s="10" t="s">
        <v>1062</v>
      </c>
      <c r="I1272" s="11">
        <v>44565</v>
      </c>
    </row>
    <row r="1273" spans="1:9" x14ac:dyDescent="0.2">
      <c r="A1273" s="10">
        <v>2682</v>
      </c>
      <c r="B1273" s="10" t="s">
        <v>4057</v>
      </c>
      <c r="C1273" s="10" t="s">
        <v>4058</v>
      </c>
      <c r="D1273" s="10" t="s">
        <v>4059</v>
      </c>
      <c r="E1273" s="10" t="s">
        <v>4060</v>
      </c>
      <c r="F1273" s="10" t="s">
        <v>4061</v>
      </c>
      <c r="G1273" s="10" t="s">
        <v>4062</v>
      </c>
      <c r="H1273" s="10" t="s">
        <v>4063</v>
      </c>
      <c r="I1273" s="11">
        <v>44650</v>
      </c>
    </row>
    <row r="1274" spans="1:9" x14ac:dyDescent="0.2">
      <c r="A1274" s="10">
        <v>728</v>
      </c>
      <c r="B1274" s="10" t="s">
        <v>259</v>
      </c>
      <c r="C1274" s="10" t="s">
        <v>260</v>
      </c>
      <c r="D1274" s="10" t="s">
        <v>261</v>
      </c>
      <c r="E1274" s="10" t="s">
        <v>262</v>
      </c>
      <c r="F1274" s="10" t="s">
        <v>263</v>
      </c>
      <c r="G1274" s="10" t="s">
        <v>264</v>
      </c>
      <c r="H1274" s="10" t="s">
        <v>260</v>
      </c>
      <c r="I1274" s="11">
        <v>44951</v>
      </c>
    </row>
    <row r="1275" spans="1:9" x14ac:dyDescent="0.2">
      <c r="A1275" s="10">
        <v>3324</v>
      </c>
      <c r="B1275" s="10" t="s">
        <v>7600</v>
      </c>
      <c r="C1275" s="10" t="s">
        <v>7601</v>
      </c>
      <c r="D1275" s="10" t="s">
        <v>7602</v>
      </c>
      <c r="E1275" s="10" t="s">
        <v>7603</v>
      </c>
      <c r="F1275" s="10" t="s">
        <v>7604</v>
      </c>
      <c r="G1275" s="10" t="s">
        <v>7605</v>
      </c>
      <c r="H1275" s="10" t="s">
        <v>7601</v>
      </c>
      <c r="I1275" s="11">
        <v>45593</v>
      </c>
    </row>
    <row r="1276" spans="1:9" x14ac:dyDescent="0.2">
      <c r="A1276" s="10">
        <v>1722</v>
      </c>
      <c r="B1276" s="10" t="s">
        <v>1147</v>
      </c>
      <c r="C1276" s="10" t="s">
        <v>1148</v>
      </c>
      <c r="D1276" s="10" t="s">
        <v>1149</v>
      </c>
      <c r="E1276" s="10" t="s">
        <v>1150</v>
      </c>
      <c r="F1276" s="10" t="s">
        <v>1151</v>
      </c>
      <c r="G1276" s="10" t="s">
        <v>1152</v>
      </c>
      <c r="H1276" s="10" t="s">
        <v>1148</v>
      </c>
      <c r="I1276" s="11">
        <v>44661</v>
      </c>
    </row>
    <row r="1277" spans="1:9" x14ac:dyDescent="0.2">
      <c r="A1277" s="10">
        <v>2557</v>
      </c>
      <c r="B1277" s="10" t="s">
        <v>3389</v>
      </c>
      <c r="C1277" s="10" t="s">
        <v>3390</v>
      </c>
      <c r="D1277" s="10" t="s">
        <v>408</v>
      </c>
      <c r="E1277" s="10" t="s">
        <v>3391</v>
      </c>
      <c r="F1277" s="10" t="s">
        <v>3392</v>
      </c>
      <c r="G1277" s="10" t="s">
        <v>3393</v>
      </c>
      <c r="H1277" s="10" t="s">
        <v>3394</v>
      </c>
      <c r="I1277" s="11">
        <v>44441</v>
      </c>
    </row>
    <row r="1278" spans="1:9" x14ac:dyDescent="0.2">
      <c r="A1278" s="14">
        <v>3599</v>
      </c>
      <c r="B1278" s="15" t="s">
        <v>9155</v>
      </c>
      <c r="C1278" s="10" t="s">
        <v>9156</v>
      </c>
      <c r="D1278" s="15" t="s">
        <v>1525</v>
      </c>
      <c r="E1278" s="10" t="s">
        <v>9157</v>
      </c>
      <c r="F1278" s="10" t="s">
        <v>9158</v>
      </c>
      <c r="G1278" s="10" t="s">
        <v>9159</v>
      </c>
      <c r="H1278" s="10" t="s">
        <v>9156</v>
      </c>
      <c r="I1278" s="11">
        <v>45986</v>
      </c>
    </row>
    <row r="1279" spans="1:9" x14ac:dyDescent="0.2">
      <c r="A1279" s="10">
        <v>1763</v>
      </c>
      <c r="B1279" s="10" t="s">
        <v>1219</v>
      </c>
      <c r="C1279" s="10" t="s">
        <v>1220</v>
      </c>
      <c r="D1279" s="10" t="s">
        <v>824</v>
      </c>
      <c r="E1279" s="10" t="s">
        <v>1221</v>
      </c>
      <c r="F1279" s="10" t="s">
        <v>1222</v>
      </c>
      <c r="G1279" s="10" t="s">
        <v>1223</v>
      </c>
      <c r="H1279" s="10" t="s">
        <v>1220</v>
      </c>
      <c r="I1279" s="11">
        <v>44752</v>
      </c>
    </row>
    <row r="1280" spans="1:9" x14ac:dyDescent="0.2">
      <c r="A1280" s="10">
        <v>2388</v>
      </c>
      <c r="B1280" s="10" t="s">
        <v>2509</v>
      </c>
      <c r="C1280" s="10" t="s">
        <v>2510</v>
      </c>
      <c r="D1280" s="10" t="s">
        <v>2511</v>
      </c>
      <c r="E1280" s="10" t="s">
        <v>2512</v>
      </c>
      <c r="F1280" s="10" t="s">
        <v>2513</v>
      </c>
      <c r="G1280" s="10" t="s">
        <v>2514</v>
      </c>
      <c r="H1280" s="10" t="s">
        <v>2510</v>
      </c>
      <c r="I1280" s="11">
        <v>44224</v>
      </c>
    </row>
    <row r="1281" spans="1:9" x14ac:dyDescent="0.2">
      <c r="A1281" s="10">
        <v>3329</v>
      </c>
      <c r="B1281" s="10" t="s">
        <v>7629</v>
      </c>
      <c r="C1281" s="10" t="s">
        <v>7630</v>
      </c>
      <c r="D1281" s="10" t="s">
        <v>6590</v>
      </c>
      <c r="E1281" s="10" t="s">
        <v>7631</v>
      </c>
      <c r="F1281" s="10" t="s">
        <v>7632</v>
      </c>
      <c r="G1281" s="10" t="s">
        <v>7633</v>
      </c>
      <c r="H1281" s="10" t="s">
        <v>7630</v>
      </c>
      <c r="I1281" s="11">
        <v>45601</v>
      </c>
    </row>
    <row r="1282" spans="1:9" x14ac:dyDescent="0.2">
      <c r="A1282" s="10">
        <v>2905</v>
      </c>
      <c r="B1282" s="10" t="s">
        <v>5296</v>
      </c>
      <c r="C1282" s="10" t="s">
        <v>5297</v>
      </c>
      <c r="D1282" s="10" t="s">
        <v>5298</v>
      </c>
      <c r="E1282" s="10" t="s">
        <v>5299</v>
      </c>
      <c r="F1282" s="10" t="s">
        <v>5300</v>
      </c>
      <c r="G1282" s="10" t="s">
        <v>5301</v>
      </c>
      <c r="H1282" s="10" t="s">
        <v>5302</v>
      </c>
      <c r="I1282" s="11">
        <v>45043</v>
      </c>
    </row>
    <row r="1283" spans="1:9" x14ac:dyDescent="0.2">
      <c r="A1283" s="10">
        <v>1457</v>
      </c>
      <c r="B1283" s="10" t="s">
        <v>713</v>
      </c>
      <c r="C1283" s="10" t="s">
        <v>714</v>
      </c>
      <c r="D1283" s="10" t="s">
        <v>715</v>
      </c>
      <c r="E1283" s="10" t="s">
        <v>716</v>
      </c>
      <c r="F1283" s="10" t="s">
        <v>717</v>
      </c>
      <c r="G1283" s="10" t="s">
        <v>718</v>
      </c>
      <c r="H1283" s="10" t="s">
        <v>719</v>
      </c>
      <c r="I1283" s="11">
        <v>45862</v>
      </c>
    </row>
    <row r="1284" spans="1:9" x14ac:dyDescent="0.2">
      <c r="A1284" s="10">
        <v>2532</v>
      </c>
      <c r="B1284" s="10" t="s">
        <v>3250</v>
      </c>
      <c r="C1284" s="10" t="s">
        <v>3251</v>
      </c>
      <c r="D1284" s="10" t="s">
        <v>3252</v>
      </c>
      <c r="E1284" s="10" t="s">
        <v>3253</v>
      </c>
      <c r="F1284" s="10" t="s">
        <v>3254</v>
      </c>
      <c r="G1284" s="10" t="s">
        <v>3255</v>
      </c>
      <c r="H1284" s="10" t="s">
        <v>3256</v>
      </c>
      <c r="I1284" s="11">
        <v>44371</v>
      </c>
    </row>
    <row r="1285" spans="1:9" x14ac:dyDescent="0.2">
      <c r="A1285" s="10">
        <v>2580</v>
      </c>
      <c r="B1285" s="10" t="s">
        <v>3513</v>
      </c>
      <c r="C1285" s="10" t="s">
        <v>3514</v>
      </c>
      <c r="D1285" s="10" t="s">
        <v>3515</v>
      </c>
      <c r="E1285" s="10" t="s">
        <v>3516</v>
      </c>
      <c r="F1285" s="10" t="s">
        <v>3517</v>
      </c>
      <c r="G1285" s="10" t="s">
        <v>3518</v>
      </c>
      <c r="H1285" s="10" t="s">
        <v>3514</v>
      </c>
      <c r="I1285" s="11">
        <v>44515</v>
      </c>
    </row>
    <row r="1286" spans="1:9" x14ac:dyDescent="0.2">
      <c r="A1286" s="14">
        <v>3628</v>
      </c>
      <c r="B1286" s="15" t="s">
        <v>9319</v>
      </c>
      <c r="C1286" s="10" t="s">
        <v>9320</v>
      </c>
      <c r="D1286" s="15" t="s">
        <v>9321</v>
      </c>
      <c r="E1286" s="10" t="s">
        <v>9322</v>
      </c>
      <c r="F1286" s="10" t="s">
        <v>9323</v>
      </c>
      <c r="G1286" s="10" t="s">
        <v>9324</v>
      </c>
      <c r="H1286" s="10" t="s">
        <v>9320</v>
      </c>
      <c r="I1286" s="11">
        <v>46009</v>
      </c>
    </row>
    <row r="1287" spans="1:9" x14ac:dyDescent="0.2">
      <c r="A1287" s="10">
        <v>1952</v>
      </c>
      <c r="B1287" s="10" t="s">
        <v>1598</v>
      </c>
      <c r="C1287" s="10" t="s">
        <v>1599</v>
      </c>
      <c r="D1287" s="10" t="s">
        <v>1600</v>
      </c>
      <c r="E1287" s="10" t="s">
        <v>1601</v>
      </c>
      <c r="F1287" s="10" t="s">
        <v>1602</v>
      </c>
      <c r="G1287" s="10" t="s">
        <v>1603</v>
      </c>
      <c r="H1287" s="10" t="s">
        <v>1599</v>
      </c>
      <c r="I1287" s="11">
        <v>45187</v>
      </c>
    </row>
    <row r="1288" spans="1:9" x14ac:dyDescent="0.2">
      <c r="A1288" s="14">
        <v>3569</v>
      </c>
      <c r="B1288" s="15" t="s">
        <v>8997</v>
      </c>
      <c r="C1288" s="10" t="s">
        <v>35</v>
      </c>
      <c r="D1288" s="15" t="s">
        <v>408</v>
      </c>
      <c r="E1288" s="10" t="s">
        <v>8998</v>
      </c>
      <c r="F1288" s="10" t="s">
        <v>8999</v>
      </c>
      <c r="G1288" s="10" t="s">
        <v>9000</v>
      </c>
      <c r="H1288" s="10" t="s">
        <v>9001</v>
      </c>
      <c r="I1288" s="11">
        <v>45950</v>
      </c>
    </row>
    <row r="1289" spans="1:9" x14ac:dyDescent="0.2">
      <c r="A1289" s="10">
        <v>3079</v>
      </c>
      <c r="B1289" s="10" t="s">
        <v>6250</v>
      </c>
      <c r="C1289" s="10" t="s">
        <v>35</v>
      </c>
      <c r="D1289" s="10" t="s">
        <v>6251</v>
      </c>
      <c r="E1289" s="10" t="s">
        <v>6252</v>
      </c>
      <c r="F1289" s="10" t="s">
        <v>6253</v>
      </c>
      <c r="G1289" s="10" t="s">
        <v>6254</v>
      </c>
      <c r="H1289" s="10" t="s">
        <v>6255</v>
      </c>
      <c r="I1289" s="11">
        <v>45271</v>
      </c>
    </row>
    <row r="1290" spans="1:9" x14ac:dyDescent="0.2">
      <c r="A1290" s="10">
        <v>2782</v>
      </c>
      <c r="B1290" s="10" t="s">
        <v>4600</v>
      </c>
      <c r="C1290" s="10" t="s">
        <v>4601</v>
      </c>
      <c r="D1290" s="10" t="s">
        <v>3901</v>
      </c>
      <c r="E1290" s="10" t="s">
        <v>4602</v>
      </c>
      <c r="F1290" s="10" t="s">
        <v>4603</v>
      </c>
      <c r="G1290" s="10" t="s">
        <v>4604</v>
      </c>
      <c r="H1290" s="10" t="s">
        <v>4601</v>
      </c>
      <c r="I1290" s="11">
        <v>44805</v>
      </c>
    </row>
    <row r="1291" spans="1:9" x14ac:dyDescent="0.2">
      <c r="A1291" s="10">
        <v>2752</v>
      </c>
      <c r="B1291" s="10" t="s">
        <v>4432</v>
      </c>
      <c r="C1291" s="10" t="s">
        <v>35</v>
      </c>
      <c r="D1291" s="10" t="s">
        <v>4433</v>
      </c>
      <c r="E1291" s="10" t="s">
        <v>4434</v>
      </c>
      <c r="F1291" s="10" t="s">
        <v>4435</v>
      </c>
      <c r="G1291" s="10" t="s">
        <v>4436</v>
      </c>
      <c r="H1291" s="10" t="s">
        <v>4437</v>
      </c>
      <c r="I1291" s="11">
        <v>44761</v>
      </c>
    </row>
    <row r="1292" spans="1:9" x14ac:dyDescent="0.2">
      <c r="A1292" s="13">
        <v>3493</v>
      </c>
      <c r="B1292" s="10" t="s">
        <v>8559</v>
      </c>
      <c r="C1292" s="10" t="s">
        <v>8560</v>
      </c>
      <c r="D1292" s="10" t="s">
        <v>3680</v>
      </c>
      <c r="E1292" s="10" t="s">
        <v>8561</v>
      </c>
      <c r="F1292" s="10" t="s">
        <v>8562</v>
      </c>
      <c r="G1292" s="10" t="s">
        <v>8563</v>
      </c>
      <c r="H1292" s="10" t="s">
        <v>8560</v>
      </c>
      <c r="I1292" s="11">
        <v>45841</v>
      </c>
    </row>
    <row r="1293" spans="1:9" x14ac:dyDescent="0.2">
      <c r="A1293" s="10">
        <v>2623</v>
      </c>
      <c r="B1293" s="10" t="s">
        <v>3744</v>
      </c>
      <c r="C1293" s="10" t="s">
        <v>3745</v>
      </c>
      <c r="D1293" s="10" t="s">
        <v>3746</v>
      </c>
      <c r="E1293" s="10" t="s">
        <v>3747</v>
      </c>
      <c r="F1293" s="10" t="s">
        <v>3748</v>
      </c>
      <c r="G1293" s="10" t="s">
        <v>3749</v>
      </c>
      <c r="H1293" s="10" t="s">
        <v>3745</v>
      </c>
      <c r="I1293" s="11">
        <v>44581</v>
      </c>
    </row>
    <row r="1294" spans="1:9" x14ac:dyDescent="0.2">
      <c r="A1294" s="10">
        <v>2294</v>
      </c>
      <c r="B1294" s="10" t="s">
        <v>2242</v>
      </c>
      <c r="C1294" s="10" t="s">
        <v>2243</v>
      </c>
      <c r="D1294" s="10" t="s">
        <v>2244</v>
      </c>
      <c r="E1294" s="10" t="s">
        <v>2245</v>
      </c>
      <c r="F1294" s="10" t="s">
        <v>2246</v>
      </c>
      <c r="G1294" s="10" t="s">
        <v>2247</v>
      </c>
      <c r="H1294" s="10" t="s">
        <v>2243</v>
      </c>
      <c r="I1294" s="11">
        <v>45880</v>
      </c>
    </row>
    <row r="1295" spans="1:9" x14ac:dyDescent="0.2">
      <c r="A1295" s="10">
        <v>3140</v>
      </c>
      <c r="B1295" s="10" t="s">
        <v>6588</v>
      </c>
      <c r="C1295" s="10" t="s">
        <v>6589</v>
      </c>
      <c r="D1295" s="10" t="s">
        <v>6590</v>
      </c>
      <c r="E1295" s="10" t="s">
        <v>6591</v>
      </c>
      <c r="F1295" s="10" t="s">
        <v>6592</v>
      </c>
      <c r="G1295" s="10" t="s">
        <v>6593</v>
      </c>
      <c r="H1295" s="10" t="s">
        <v>6594</v>
      </c>
      <c r="I1295" s="11">
        <v>45351</v>
      </c>
    </row>
    <row r="1296" spans="1:9" x14ac:dyDescent="0.2">
      <c r="A1296" s="10">
        <v>2099</v>
      </c>
      <c r="B1296" s="10" t="s">
        <v>1845</v>
      </c>
      <c r="C1296" s="10" t="s">
        <v>1846</v>
      </c>
      <c r="D1296" s="10" t="s">
        <v>1847</v>
      </c>
      <c r="E1296" s="10" t="s">
        <v>1848</v>
      </c>
      <c r="F1296" s="10" t="s">
        <v>1849</v>
      </c>
      <c r="G1296" s="10" t="s">
        <v>1850</v>
      </c>
      <c r="H1296" s="10" t="s">
        <v>1851</v>
      </c>
      <c r="I1296" s="11">
        <v>45489</v>
      </c>
    </row>
    <row r="1297" spans="1:9" x14ac:dyDescent="0.2">
      <c r="A1297" s="10">
        <v>2866</v>
      </c>
      <c r="B1297" s="10" t="s">
        <v>5067</v>
      </c>
      <c r="C1297" s="10" t="s">
        <v>5068</v>
      </c>
      <c r="D1297" s="10" t="s">
        <v>5069</v>
      </c>
      <c r="E1297" s="10" t="s">
        <v>5070</v>
      </c>
      <c r="F1297" s="10" t="s">
        <v>5071</v>
      </c>
      <c r="G1297" s="10" t="s">
        <v>1850</v>
      </c>
      <c r="H1297" s="10" t="s">
        <v>5068</v>
      </c>
      <c r="I1297" s="11">
        <v>44973</v>
      </c>
    </row>
    <row r="1298" spans="1:9" x14ac:dyDescent="0.2">
      <c r="A1298" s="10">
        <v>3268</v>
      </c>
      <c r="B1298" s="10" t="s">
        <v>7280</v>
      </c>
      <c r="C1298" s="10" t="s">
        <v>7281</v>
      </c>
      <c r="D1298" s="10" t="s">
        <v>4971</v>
      </c>
      <c r="E1298" s="10" t="s">
        <v>7282</v>
      </c>
      <c r="F1298" s="10" t="s">
        <v>7283</v>
      </c>
      <c r="G1298" s="10" t="s">
        <v>7284</v>
      </c>
      <c r="H1298" s="10" t="s">
        <v>7281</v>
      </c>
      <c r="I1298" s="11">
        <v>45517</v>
      </c>
    </row>
    <row r="1299" spans="1:9" x14ac:dyDescent="0.2">
      <c r="A1299" s="14">
        <v>3592</v>
      </c>
      <c r="B1299" s="15" t="s">
        <v>9114</v>
      </c>
      <c r="C1299" s="10" t="s">
        <v>9115</v>
      </c>
      <c r="D1299" s="15" t="s">
        <v>9116</v>
      </c>
      <c r="E1299" s="10" t="s">
        <v>9117</v>
      </c>
      <c r="F1299" s="10" t="s">
        <v>9118</v>
      </c>
      <c r="G1299" s="10" t="s">
        <v>9119</v>
      </c>
      <c r="H1299" s="10" t="s">
        <v>9115</v>
      </c>
      <c r="I1299" s="11">
        <v>45953</v>
      </c>
    </row>
    <row r="1300" spans="1:9" x14ac:dyDescent="0.2">
      <c r="A1300" s="10">
        <v>3343</v>
      </c>
      <c r="B1300" s="10" t="s">
        <v>7711</v>
      </c>
      <c r="C1300" s="10" t="s">
        <v>35</v>
      </c>
      <c r="D1300" s="10" t="s">
        <v>2408</v>
      </c>
      <c r="E1300" s="10" t="s">
        <v>7712</v>
      </c>
      <c r="F1300" s="10" t="s">
        <v>7713</v>
      </c>
      <c r="G1300" s="10" t="s">
        <v>7714</v>
      </c>
      <c r="H1300" s="10" t="s">
        <v>7715</v>
      </c>
      <c r="I1300" s="11">
        <v>45617</v>
      </c>
    </row>
    <row r="1301" spans="1:9" x14ac:dyDescent="0.2">
      <c r="A1301" s="10">
        <v>3023</v>
      </c>
      <c r="B1301" s="10" t="s">
        <v>5949</v>
      </c>
      <c r="C1301" s="10" t="s">
        <v>5950</v>
      </c>
      <c r="D1301" s="10" t="s">
        <v>3901</v>
      </c>
      <c r="E1301" s="10" t="s">
        <v>5951</v>
      </c>
      <c r="F1301" s="10" t="s">
        <v>5952</v>
      </c>
      <c r="G1301" s="10" t="s">
        <v>5953</v>
      </c>
      <c r="H1301" s="10" t="s">
        <v>5950</v>
      </c>
      <c r="I1301" s="11">
        <v>45204</v>
      </c>
    </row>
    <row r="1302" spans="1:9" x14ac:dyDescent="0.2">
      <c r="A1302" s="13">
        <v>3483</v>
      </c>
      <c r="B1302" s="10" t="s">
        <v>8508</v>
      </c>
      <c r="C1302" s="10" t="s">
        <v>8509</v>
      </c>
      <c r="D1302" s="10" t="s">
        <v>3901</v>
      </c>
      <c r="E1302" s="10" t="s">
        <v>6846</v>
      </c>
      <c r="F1302" s="10" t="s">
        <v>5952</v>
      </c>
      <c r="G1302" s="10" t="s">
        <v>8510</v>
      </c>
      <c r="H1302" s="10" t="s">
        <v>8511</v>
      </c>
      <c r="I1302" s="11">
        <v>45820</v>
      </c>
    </row>
    <row r="1303" spans="1:9" x14ac:dyDescent="0.2">
      <c r="A1303" s="10">
        <v>3274</v>
      </c>
      <c r="B1303" s="10" t="s">
        <v>7310</v>
      </c>
      <c r="C1303" s="10" t="s">
        <v>7311</v>
      </c>
      <c r="D1303" s="10" t="s">
        <v>7312</v>
      </c>
      <c r="E1303" s="10" t="s">
        <v>7313</v>
      </c>
      <c r="F1303" s="10" t="s">
        <v>7314</v>
      </c>
      <c r="G1303" s="10" t="s">
        <v>7315</v>
      </c>
      <c r="H1303" s="10" t="s">
        <v>7311</v>
      </c>
      <c r="I1303" s="11">
        <v>45526</v>
      </c>
    </row>
    <row r="1304" spans="1:9" x14ac:dyDescent="0.2">
      <c r="A1304" s="10">
        <v>3348</v>
      </c>
      <c r="B1304" s="10" t="s">
        <v>7739</v>
      </c>
      <c r="C1304" s="10" t="s">
        <v>35</v>
      </c>
      <c r="D1304" s="10" t="s">
        <v>7740</v>
      </c>
      <c r="E1304" s="10" t="s">
        <v>7741</v>
      </c>
      <c r="F1304" s="10" t="s">
        <v>7742</v>
      </c>
      <c r="G1304" s="10" t="s">
        <v>7743</v>
      </c>
      <c r="H1304" s="10" t="s">
        <v>7744</v>
      </c>
      <c r="I1304" s="11">
        <v>45621</v>
      </c>
    </row>
    <row r="1305" spans="1:9" x14ac:dyDescent="0.2">
      <c r="A1305" s="10">
        <v>3089</v>
      </c>
      <c r="B1305" s="10" t="s">
        <v>6309</v>
      </c>
      <c r="C1305" s="10" t="s">
        <v>6310</v>
      </c>
      <c r="D1305" s="10" t="s">
        <v>6311</v>
      </c>
      <c r="E1305" s="10" t="s">
        <v>6312</v>
      </c>
      <c r="F1305" s="10" t="s">
        <v>6313</v>
      </c>
      <c r="G1305" s="10" t="s">
        <v>6314</v>
      </c>
      <c r="H1305" s="10" t="s">
        <v>6310</v>
      </c>
      <c r="I1305" s="11">
        <v>45281</v>
      </c>
    </row>
    <row r="1306" spans="1:9" x14ac:dyDescent="0.2">
      <c r="A1306" s="14">
        <v>3564</v>
      </c>
      <c r="B1306" s="15" t="s">
        <v>8965</v>
      </c>
      <c r="C1306" s="10" t="s">
        <v>8966</v>
      </c>
      <c r="D1306" s="15" t="s">
        <v>8967</v>
      </c>
      <c r="E1306" s="10" t="s">
        <v>8968</v>
      </c>
      <c r="F1306" s="10" t="s">
        <v>8969</v>
      </c>
      <c r="G1306" s="10" t="s">
        <v>8970</v>
      </c>
      <c r="H1306" s="10" t="s">
        <v>8971</v>
      </c>
      <c r="I1306" s="11">
        <v>45932</v>
      </c>
    </row>
    <row r="1307" spans="1:9" x14ac:dyDescent="0.2">
      <c r="A1307" s="10">
        <v>2349</v>
      </c>
      <c r="B1307" s="10" t="s">
        <v>2357</v>
      </c>
      <c r="C1307" s="10" t="s">
        <v>2358</v>
      </c>
      <c r="D1307" s="10" t="s">
        <v>2359</v>
      </c>
      <c r="E1307" s="10" t="s">
        <v>2360</v>
      </c>
      <c r="F1307" s="10" t="s">
        <v>2361</v>
      </c>
      <c r="G1307" s="10" t="s">
        <v>2362</v>
      </c>
      <c r="H1307" s="10" t="s">
        <v>2358</v>
      </c>
      <c r="I1307" s="11">
        <v>45973</v>
      </c>
    </row>
    <row r="1308" spans="1:9" x14ac:dyDescent="0.2">
      <c r="A1308" s="10">
        <v>2565</v>
      </c>
      <c r="B1308" s="10" t="s">
        <v>3434</v>
      </c>
      <c r="C1308" s="10" t="s">
        <v>3435</v>
      </c>
      <c r="D1308" s="10" t="s">
        <v>3436</v>
      </c>
      <c r="E1308" s="10" t="s">
        <v>3437</v>
      </c>
      <c r="F1308" s="10" t="s">
        <v>3438</v>
      </c>
      <c r="G1308" s="10" t="s">
        <v>3439</v>
      </c>
      <c r="H1308" s="10" t="s">
        <v>3440</v>
      </c>
      <c r="I1308" s="11">
        <v>44466</v>
      </c>
    </row>
    <row r="1309" spans="1:9" x14ac:dyDescent="0.2">
      <c r="A1309" s="10">
        <v>3367</v>
      </c>
      <c r="B1309" s="10" t="s">
        <v>7855</v>
      </c>
      <c r="C1309" s="10" t="s">
        <v>7856</v>
      </c>
      <c r="D1309" s="10" t="s">
        <v>7857</v>
      </c>
      <c r="E1309" s="10" t="s">
        <v>7858</v>
      </c>
      <c r="F1309" s="10" t="s">
        <v>7859</v>
      </c>
      <c r="G1309" s="10" t="s">
        <v>7860</v>
      </c>
      <c r="H1309" s="10" t="s">
        <v>7861</v>
      </c>
      <c r="I1309" s="12">
        <v>45645</v>
      </c>
    </row>
    <row r="1310" spans="1:9" x14ac:dyDescent="0.2">
      <c r="A1310" s="10">
        <v>2654</v>
      </c>
      <c r="B1310" s="10" t="s">
        <v>3912</v>
      </c>
      <c r="C1310" s="10" t="s">
        <v>3913</v>
      </c>
      <c r="D1310" s="10" t="s">
        <v>3914</v>
      </c>
      <c r="E1310" s="10" t="s">
        <v>3915</v>
      </c>
      <c r="F1310" s="10" t="s">
        <v>3916</v>
      </c>
      <c r="G1310" s="10" t="s">
        <v>3917</v>
      </c>
      <c r="H1310" s="10" t="s">
        <v>3918</v>
      </c>
      <c r="I1310" s="11">
        <v>44627</v>
      </c>
    </row>
    <row r="1311" spans="1:9" x14ac:dyDescent="0.2">
      <c r="A1311" s="10">
        <v>2893</v>
      </c>
      <c r="B1311" s="10" t="s">
        <v>5224</v>
      </c>
      <c r="C1311" s="10" t="s">
        <v>5225</v>
      </c>
      <c r="D1311" s="10" t="s">
        <v>2229</v>
      </c>
      <c r="E1311" s="10" t="s">
        <v>5226</v>
      </c>
      <c r="F1311" s="10" t="s">
        <v>5227</v>
      </c>
      <c r="G1311" s="10" t="s">
        <v>5228</v>
      </c>
      <c r="H1311" s="10" t="s">
        <v>5229</v>
      </c>
      <c r="I1311" s="11">
        <v>45026</v>
      </c>
    </row>
    <row r="1312" spans="1:9" x14ac:dyDescent="0.2">
      <c r="A1312" s="10">
        <v>432</v>
      </c>
      <c r="B1312" s="10" t="s">
        <v>155</v>
      </c>
      <c r="C1312" s="10" t="s">
        <v>156</v>
      </c>
      <c r="D1312" s="10" t="s">
        <v>157</v>
      </c>
      <c r="E1312" s="10" t="s">
        <v>158</v>
      </c>
      <c r="F1312" s="10" t="s">
        <v>159</v>
      </c>
      <c r="G1312" s="10" t="s">
        <v>160</v>
      </c>
      <c r="H1312" s="10" t="s">
        <v>156</v>
      </c>
      <c r="I1312" s="11">
        <v>45438</v>
      </c>
    </row>
    <row r="1313" spans="1:9" x14ac:dyDescent="0.2">
      <c r="A1313" s="14">
        <v>3615</v>
      </c>
      <c r="B1313" s="15" t="s">
        <v>9248</v>
      </c>
      <c r="C1313" s="10" t="s">
        <v>9249</v>
      </c>
      <c r="D1313" s="15" t="s">
        <v>9250</v>
      </c>
      <c r="E1313" s="10" t="s">
        <v>9251</v>
      </c>
      <c r="F1313" s="10" t="s">
        <v>9252</v>
      </c>
      <c r="G1313" s="10" t="s">
        <v>9253</v>
      </c>
      <c r="H1313" s="10" t="s">
        <v>9249</v>
      </c>
      <c r="I1313" s="11">
        <v>46002</v>
      </c>
    </row>
    <row r="1314" spans="1:9" x14ac:dyDescent="0.2">
      <c r="A1314" s="10">
        <v>3407</v>
      </c>
      <c r="B1314" s="10" t="s">
        <v>8078</v>
      </c>
      <c r="C1314" s="10" t="s">
        <v>8079</v>
      </c>
      <c r="D1314" s="10" t="s">
        <v>8080</v>
      </c>
      <c r="E1314" s="10" t="s">
        <v>8081</v>
      </c>
      <c r="F1314" s="10" t="s">
        <v>8082</v>
      </c>
      <c r="G1314" s="10" t="s">
        <v>8083</v>
      </c>
      <c r="H1314" s="10" t="s">
        <v>8084</v>
      </c>
      <c r="I1314" s="11">
        <v>45708</v>
      </c>
    </row>
    <row r="1315" spans="1:9" x14ac:dyDescent="0.2">
      <c r="A1315" s="10">
        <v>2576</v>
      </c>
      <c r="B1315" s="10" t="s">
        <v>3487</v>
      </c>
      <c r="C1315" s="10" t="s">
        <v>3488</v>
      </c>
      <c r="D1315" s="10" t="s">
        <v>3489</v>
      </c>
      <c r="E1315" s="10" t="s">
        <v>3490</v>
      </c>
      <c r="F1315" s="10" t="s">
        <v>3491</v>
      </c>
      <c r="G1315" s="10" t="s">
        <v>3492</v>
      </c>
      <c r="H1315" s="10" t="s">
        <v>3488</v>
      </c>
      <c r="I1315" s="11">
        <v>44494</v>
      </c>
    </row>
    <row r="1316" spans="1:9" x14ac:dyDescent="0.2">
      <c r="A1316" s="10">
        <v>2673</v>
      </c>
      <c r="B1316" s="10" t="s">
        <v>4002</v>
      </c>
      <c r="C1316" s="10" t="s">
        <v>4003</v>
      </c>
      <c r="D1316" s="10" t="s">
        <v>3204</v>
      </c>
      <c r="E1316" s="10" t="s">
        <v>4004</v>
      </c>
      <c r="F1316" s="10" t="s">
        <v>4005</v>
      </c>
      <c r="G1316" s="10" t="s">
        <v>4006</v>
      </c>
      <c r="H1316" s="10" t="s">
        <v>4003</v>
      </c>
      <c r="I1316" s="11">
        <v>44651</v>
      </c>
    </row>
    <row r="1317" spans="1:9" x14ac:dyDescent="0.2">
      <c r="A1317" s="10">
        <v>2979</v>
      </c>
      <c r="B1317" s="10" t="s">
        <v>5691</v>
      </c>
      <c r="C1317" s="10" t="s">
        <v>5692</v>
      </c>
      <c r="D1317" s="10" t="s">
        <v>5693</v>
      </c>
      <c r="E1317" s="10" t="s">
        <v>5694</v>
      </c>
      <c r="F1317" s="10" t="s">
        <v>5695</v>
      </c>
      <c r="G1317" s="10" t="s">
        <v>5696</v>
      </c>
      <c r="H1317" s="10" t="s">
        <v>5697</v>
      </c>
      <c r="I1317" s="11">
        <v>45127</v>
      </c>
    </row>
    <row r="1318" spans="1:9" x14ac:dyDescent="0.2">
      <c r="A1318" s="10">
        <v>1979</v>
      </c>
      <c r="B1318" s="10" t="s">
        <v>1641</v>
      </c>
      <c r="C1318" s="10" t="s">
        <v>1642</v>
      </c>
      <c r="D1318" s="10" t="s">
        <v>1643</v>
      </c>
      <c r="E1318" s="10" t="s">
        <v>1644</v>
      </c>
      <c r="F1318" s="10" t="s">
        <v>1645</v>
      </c>
      <c r="G1318" s="10" t="s">
        <v>1646</v>
      </c>
      <c r="H1318" s="10" t="s">
        <v>1642</v>
      </c>
      <c r="I1318" s="11">
        <v>45256</v>
      </c>
    </row>
    <row r="1319" spans="1:9" x14ac:dyDescent="0.2">
      <c r="A1319" s="10">
        <v>3110</v>
      </c>
      <c r="B1319" s="10" t="s">
        <v>6434</v>
      </c>
      <c r="C1319" s="10" t="s">
        <v>6435</v>
      </c>
      <c r="D1319" s="10" t="s">
        <v>4334</v>
      </c>
      <c r="E1319" s="10" t="s">
        <v>6436</v>
      </c>
      <c r="F1319" s="10" t="s">
        <v>6437</v>
      </c>
      <c r="G1319" s="10" t="s">
        <v>6438</v>
      </c>
      <c r="H1319" s="10" t="s">
        <v>6439</v>
      </c>
      <c r="I1319" s="11">
        <v>45306</v>
      </c>
    </row>
    <row r="1320" spans="1:9" x14ac:dyDescent="0.2">
      <c r="A1320" s="10">
        <v>1394</v>
      </c>
      <c r="B1320" s="10" t="s">
        <v>676</v>
      </c>
      <c r="C1320" s="10" t="s">
        <v>677</v>
      </c>
      <c r="D1320" s="10" t="s">
        <v>678</v>
      </c>
      <c r="E1320" s="10" t="s">
        <v>679</v>
      </c>
      <c r="F1320" s="10" t="s">
        <v>680</v>
      </c>
      <c r="G1320" s="10" t="s">
        <v>681</v>
      </c>
      <c r="H1320" s="10" t="s">
        <v>682</v>
      </c>
      <c r="I1320" s="11">
        <v>45747</v>
      </c>
    </row>
    <row r="1321" spans="1:9" x14ac:dyDescent="0.2">
      <c r="A1321" s="10">
        <v>2862</v>
      </c>
      <c r="B1321" s="10" t="s">
        <v>5043</v>
      </c>
      <c r="C1321" s="10" t="s">
        <v>5044</v>
      </c>
      <c r="D1321" s="10" t="s">
        <v>5045</v>
      </c>
      <c r="E1321" s="10" t="s">
        <v>5046</v>
      </c>
      <c r="F1321" s="10" t="s">
        <v>5047</v>
      </c>
      <c r="G1321" s="10" t="s">
        <v>5048</v>
      </c>
      <c r="H1321" s="10" t="s">
        <v>5044</v>
      </c>
      <c r="I1321" s="11">
        <v>44973</v>
      </c>
    </row>
    <row r="1322" spans="1:9" x14ac:dyDescent="0.2">
      <c r="A1322" s="10">
        <v>2758</v>
      </c>
      <c r="B1322" s="10" t="s">
        <v>4470</v>
      </c>
      <c r="C1322" s="10" t="s">
        <v>4471</v>
      </c>
      <c r="D1322" s="10" t="s">
        <v>4175</v>
      </c>
      <c r="E1322" s="10" t="s">
        <v>4472</v>
      </c>
      <c r="F1322" s="10" t="s">
        <v>4473</v>
      </c>
      <c r="G1322" s="10" t="s">
        <v>4474</v>
      </c>
      <c r="H1322" s="10" t="s">
        <v>4475</v>
      </c>
      <c r="I1322" s="11">
        <v>44770</v>
      </c>
    </row>
    <row r="1323" spans="1:9" x14ac:dyDescent="0.2">
      <c r="A1323" s="10">
        <v>3007</v>
      </c>
      <c r="B1323" s="10" t="s">
        <v>5859</v>
      </c>
      <c r="C1323" s="10" t="s">
        <v>5860</v>
      </c>
      <c r="D1323" s="10" t="s">
        <v>5861</v>
      </c>
      <c r="E1323" s="10" t="s">
        <v>5862</v>
      </c>
      <c r="F1323" s="10" t="s">
        <v>5863</v>
      </c>
      <c r="G1323" s="10" t="s">
        <v>5864</v>
      </c>
      <c r="H1323" s="10" t="s">
        <v>5865</v>
      </c>
      <c r="I1323" s="11">
        <v>45188</v>
      </c>
    </row>
    <row r="1324" spans="1:9" x14ac:dyDescent="0.2">
      <c r="A1324" s="10">
        <v>1627</v>
      </c>
      <c r="B1324" s="10" t="s">
        <v>938</v>
      </c>
      <c r="C1324" s="10" t="s">
        <v>939</v>
      </c>
      <c r="D1324" s="10" t="s">
        <v>940</v>
      </c>
      <c r="E1324" s="10" t="s">
        <v>941</v>
      </c>
      <c r="F1324" s="10" t="s">
        <v>942</v>
      </c>
      <c r="G1324" s="10" t="s">
        <v>943</v>
      </c>
      <c r="H1324" s="10" t="s">
        <v>939</v>
      </c>
      <c r="I1324" s="11">
        <v>44423</v>
      </c>
    </row>
    <row r="1325" spans="1:9" x14ac:dyDescent="0.2">
      <c r="A1325" s="10">
        <v>1697</v>
      </c>
      <c r="B1325" s="10" t="s">
        <v>1074</v>
      </c>
      <c r="C1325" s="10" t="s">
        <v>1075</v>
      </c>
      <c r="D1325" s="10" t="s">
        <v>182</v>
      </c>
      <c r="E1325" s="10" t="s">
        <v>1076</v>
      </c>
      <c r="F1325" s="10" t="s">
        <v>1077</v>
      </c>
      <c r="G1325" s="10" t="s">
        <v>1078</v>
      </c>
      <c r="H1325" s="10" t="s">
        <v>1079</v>
      </c>
      <c r="I1325" s="11">
        <v>44608</v>
      </c>
    </row>
    <row r="1326" spans="1:9" x14ac:dyDescent="0.2">
      <c r="A1326" s="10">
        <v>683</v>
      </c>
      <c r="B1326" s="10" t="s">
        <v>229</v>
      </c>
      <c r="C1326" s="10" t="s">
        <v>230</v>
      </c>
      <c r="D1326" s="10" t="s">
        <v>231</v>
      </c>
      <c r="E1326" s="10" t="s">
        <v>232</v>
      </c>
      <c r="F1326" s="10" t="s">
        <v>233</v>
      </c>
      <c r="G1326" s="10" t="s">
        <v>234</v>
      </c>
      <c r="H1326" s="10" t="s">
        <v>230</v>
      </c>
      <c r="I1326" s="11">
        <v>44809</v>
      </c>
    </row>
    <row r="1327" spans="1:9" x14ac:dyDescent="0.2">
      <c r="A1327" s="10">
        <v>1044</v>
      </c>
      <c r="B1327" s="10" t="s">
        <v>396</v>
      </c>
      <c r="C1327" s="10" t="s">
        <v>397</v>
      </c>
      <c r="D1327" s="10" t="s">
        <v>231</v>
      </c>
      <c r="E1327" s="10" t="s">
        <v>398</v>
      </c>
      <c r="F1327" s="10" t="s">
        <v>399</v>
      </c>
      <c r="G1327" s="10" t="s">
        <v>400</v>
      </c>
      <c r="H1327" s="10" t="s">
        <v>397</v>
      </c>
      <c r="I1327" s="11">
        <v>44528</v>
      </c>
    </row>
    <row r="1328" spans="1:9" x14ac:dyDescent="0.2">
      <c r="A1328" s="10">
        <v>2051</v>
      </c>
      <c r="B1328" s="10" t="s">
        <v>1791</v>
      </c>
      <c r="C1328" s="10" t="s">
        <v>35</v>
      </c>
      <c r="D1328" s="10" t="s">
        <v>1792</v>
      </c>
      <c r="E1328" s="10" t="s">
        <v>1793</v>
      </c>
      <c r="F1328" s="10" t="s">
        <v>1794</v>
      </c>
      <c r="G1328" s="10" t="s">
        <v>1795</v>
      </c>
      <c r="H1328" s="10" t="s">
        <v>1796</v>
      </c>
      <c r="I1328" s="11">
        <v>45419</v>
      </c>
    </row>
    <row r="1329" spans="1:9" x14ac:dyDescent="0.2">
      <c r="A1329" s="10">
        <v>2410</v>
      </c>
      <c r="B1329" s="10" t="s">
        <v>2636</v>
      </c>
      <c r="C1329" s="10" t="s">
        <v>2637</v>
      </c>
      <c r="D1329" s="10" t="s">
        <v>2638</v>
      </c>
      <c r="E1329" s="10" t="s">
        <v>2639</v>
      </c>
      <c r="F1329" s="10" t="s">
        <v>2640</v>
      </c>
      <c r="G1329" s="10" t="s">
        <v>2641</v>
      </c>
      <c r="H1329" s="10" t="s">
        <v>2637</v>
      </c>
      <c r="I1329" s="11">
        <v>44258</v>
      </c>
    </row>
    <row r="1330" spans="1:9" x14ac:dyDescent="0.2">
      <c r="A1330" s="10">
        <v>2883</v>
      </c>
      <c r="B1330" s="10" t="s">
        <v>5164</v>
      </c>
      <c r="C1330" s="10" t="s">
        <v>35</v>
      </c>
      <c r="D1330" s="10" t="s">
        <v>5165</v>
      </c>
      <c r="E1330" s="10" t="s">
        <v>5166</v>
      </c>
      <c r="F1330" s="10" t="s">
        <v>5167</v>
      </c>
      <c r="G1330" s="10" t="s">
        <v>5168</v>
      </c>
      <c r="H1330" s="10" t="s">
        <v>5169</v>
      </c>
      <c r="I1330" s="11">
        <v>44998</v>
      </c>
    </row>
    <row r="1331" spans="1:9" x14ac:dyDescent="0.2">
      <c r="A1331" s="10">
        <v>3247</v>
      </c>
      <c r="B1331" s="10" t="s">
        <v>7163</v>
      </c>
      <c r="C1331" s="10" t="s">
        <v>7164</v>
      </c>
      <c r="D1331" s="10" t="s">
        <v>7165</v>
      </c>
      <c r="E1331" s="10" t="s">
        <v>7166</v>
      </c>
      <c r="F1331" s="10" t="s">
        <v>7167</v>
      </c>
      <c r="G1331" s="10" t="s">
        <v>7168</v>
      </c>
      <c r="H1331" s="10" t="s">
        <v>7164</v>
      </c>
      <c r="I1331" s="11">
        <v>45484</v>
      </c>
    </row>
    <row r="1332" spans="1:9" x14ac:dyDescent="0.2">
      <c r="A1332" s="10">
        <v>2432</v>
      </c>
      <c r="B1332" s="10" t="s">
        <v>2747</v>
      </c>
      <c r="C1332" s="10" t="s">
        <v>2748</v>
      </c>
      <c r="D1332" s="10" t="s">
        <v>2749</v>
      </c>
      <c r="E1332" s="10" t="s">
        <v>2750</v>
      </c>
      <c r="F1332" s="10" t="s">
        <v>2751</v>
      </c>
      <c r="G1332" s="10" t="s">
        <v>2752</v>
      </c>
      <c r="H1332" s="10" t="s">
        <v>2748</v>
      </c>
      <c r="I1332" s="11">
        <v>44270</v>
      </c>
    </row>
    <row r="1333" spans="1:9" x14ac:dyDescent="0.2">
      <c r="A1333" s="10">
        <v>2988</v>
      </c>
      <c r="B1333" s="10" t="s">
        <v>5743</v>
      </c>
      <c r="C1333" s="10" t="s">
        <v>5744</v>
      </c>
      <c r="D1333" s="10" t="s">
        <v>5745</v>
      </c>
      <c r="E1333" s="10" t="s">
        <v>5746</v>
      </c>
      <c r="F1333" s="10" t="s">
        <v>5747</v>
      </c>
      <c r="G1333" s="10" t="s">
        <v>5748</v>
      </c>
      <c r="H1333" s="10" t="s">
        <v>5744</v>
      </c>
      <c r="I1333" s="11">
        <v>45159</v>
      </c>
    </row>
    <row r="1334" spans="1:9" x14ac:dyDescent="0.2">
      <c r="A1334" s="13">
        <v>3425</v>
      </c>
      <c r="B1334" s="10" t="s">
        <v>8181</v>
      </c>
      <c r="C1334" s="10" t="s">
        <v>8182</v>
      </c>
      <c r="D1334" s="10" t="s">
        <v>8183</v>
      </c>
      <c r="E1334" s="10" t="s">
        <v>8184</v>
      </c>
      <c r="F1334" s="10" t="s">
        <v>8185</v>
      </c>
      <c r="G1334" s="10" t="s">
        <v>8186</v>
      </c>
      <c r="H1334" s="10" t="s">
        <v>481</v>
      </c>
      <c r="I1334" s="11">
        <v>45729</v>
      </c>
    </row>
    <row r="1335" spans="1:9" x14ac:dyDescent="0.2">
      <c r="A1335" s="10">
        <v>140</v>
      </c>
      <c r="B1335" s="10" t="s">
        <v>97</v>
      </c>
      <c r="C1335" s="10" t="s">
        <v>35</v>
      </c>
      <c r="D1335" s="10" t="s">
        <v>98</v>
      </c>
      <c r="E1335" s="10" t="s">
        <v>99</v>
      </c>
      <c r="F1335" s="10" t="s">
        <v>100</v>
      </c>
      <c r="G1335" s="10" t="s">
        <v>101</v>
      </c>
      <c r="H1335" s="10" t="s">
        <v>102</v>
      </c>
      <c r="I1335" s="11">
        <v>44571</v>
      </c>
    </row>
    <row r="1336" spans="1:9" x14ac:dyDescent="0.2">
      <c r="A1336" s="10">
        <v>3022</v>
      </c>
      <c r="B1336" s="10" t="s">
        <v>5944</v>
      </c>
      <c r="C1336" s="10" t="s">
        <v>5945</v>
      </c>
      <c r="D1336" s="10" t="s">
        <v>433</v>
      </c>
      <c r="E1336" s="10" t="s">
        <v>5946</v>
      </c>
      <c r="F1336" s="10" t="s">
        <v>5947</v>
      </c>
      <c r="G1336" s="10" t="s">
        <v>5948</v>
      </c>
      <c r="H1336" s="10" t="s">
        <v>5945</v>
      </c>
      <c r="I1336" s="11">
        <v>45197</v>
      </c>
    </row>
    <row r="1337" spans="1:9" x14ac:dyDescent="0.2">
      <c r="A1337" s="10">
        <v>2275</v>
      </c>
      <c r="B1337" s="10" t="s">
        <v>2209</v>
      </c>
      <c r="C1337" s="10" t="s">
        <v>35</v>
      </c>
      <c r="D1337" s="10" t="s">
        <v>2210</v>
      </c>
      <c r="E1337" s="10" t="s">
        <v>2211</v>
      </c>
      <c r="F1337" s="10" t="s">
        <v>2212</v>
      </c>
      <c r="G1337" s="10" t="s">
        <v>2213</v>
      </c>
      <c r="H1337" s="10" t="s">
        <v>2214</v>
      </c>
      <c r="I1337" s="11">
        <v>45854</v>
      </c>
    </row>
    <row r="1338" spans="1:9" x14ac:dyDescent="0.2">
      <c r="A1338" s="10">
        <v>2146</v>
      </c>
      <c r="B1338" s="10" t="s">
        <v>1946</v>
      </c>
      <c r="C1338" s="10" t="s">
        <v>1947</v>
      </c>
      <c r="D1338" s="10" t="s">
        <v>1948</v>
      </c>
      <c r="E1338" s="10" t="s">
        <v>1949</v>
      </c>
      <c r="F1338" s="10" t="s">
        <v>1950</v>
      </c>
      <c r="G1338" s="10" t="s">
        <v>1951</v>
      </c>
      <c r="H1338" s="10" t="s">
        <v>1947</v>
      </c>
      <c r="I1338" s="11">
        <v>45593</v>
      </c>
    </row>
    <row r="1339" spans="1:9" x14ac:dyDescent="0.2">
      <c r="A1339" s="10">
        <v>2401</v>
      </c>
      <c r="B1339" s="10" t="s">
        <v>2588</v>
      </c>
      <c r="C1339" s="10" t="s">
        <v>2589</v>
      </c>
      <c r="D1339" s="10" t="s">
        <v>2590</v>
      </c>
      <c r="E1339" s="10" t="s">
        <v>2591</v>
      </c>
      <c r="F1339" s="10" t="s">
        <v>2592</v>
      </c>
      <c r="G1339" s="10" t="s">
        <v>2593</v>
      </c>
      <c r="H1339" s="10" t="s">
        <v>2589</v>
      </c>
      <c r="I1339" s="11">
        <v>44245</v>
      </c>
    </row>
    <row r="1340" spans="1:9" x14ac:dyDescent="0.2">
      <c r="A1340" s="10">
        <v>1760</v>
      </c>
      <c r="B1340" s="10" t="s">
        <v>1212</v>
      </c>
      <c r="C1340" s="10" t="s">
        <v>1213</v>
      </c>
      <c r="D1340" s="10" t="s">
        <v>1214</v>
      </c>
      <c r="E1340" s="10" t="s">
        <v>1215</v>
      </c>
      <c r="F1340" s="10" t="s">
        <v>1216</v>
      </c>
      <c r="G1340" s="10" t="s">
        <v>1217</v>
      </c>
      <c r="H1340" s="10" t="s">
        <v>1218</v>
      </c>
      <c r="I1340" s="11">
        <v>44745</v>
      </c>
    </row>
    <row r="1341" spans="1:9" x14ac:dyDescent="0.2">
      <c r="A1341" s="10">
        <v>1997</v>
      </c>
      <c r="B1341" s="10" t="s">
        <v>1672</v>
      </c>
      <c r="C1341" s="10" t="s">
        <v>1673</v>
      </c>
      <c r="D1341" s="10" t="s">
        <v>1119</v>
      </c>
      <c r="E1341" s="10" t="s">
        <v>1674</v>
      </c>
      <c r="F1341" s="10" t="s">
        <v>1675</v>
      </c>
      <c r="G1341" s="10" t="s">
        <v>1676</v>
      </c>
      <c r="H1341" s="10" t="s">
        <v>1677</v>
      </c>
      <c r="I1341" s="11">
        <v>45306</v>
      </c>
    </row>
    <row r="1342" spans="1:9" x14ac:dyDescent="0.2">
      <c r="A1342" s="10">
        <v>755</v>
      </c>
      <c r="B1342" s="10" t="s">
        <v>271</v>
      </c>
      <c r="C1342" s="10" t="s">
        <v>35</v>
      </c>
      <c r="D1342" s="10" t="s">
        <v>272</v>
      </c>
      <c r="E1342" s="10" t="s">
        <v>273</v>
      </c>
      <c r="F1342" s="10" t="s">
        <v>274</v>
      </c>
      <c r="G1342" s="10" t="s">
        <v>275</v>
      </c>
      <c r="H1342" s="10" t="s">
        <v>276</v>
      </c>
      <c r="I1342" s="11">
        <v>45046</v>
      </c>
    </row>
    <row r="1343" spans="1:9" x14ac:dyDescent="0.2">
      <c r="A1343" s="10">
        <v>2837</v>
      </c>
      <c r="B1343" s="10" t="s">
        <v>4902</v>
      </c>
      <c r="C1343" s="10" t="s">
        <v>4903</v>
      </c>
      <c r="D1343" s="10" t="s">
        <v>4904</v>
      </c>
      <c r="E1343" s="10" t="s">
        <v>4905</v>
      </c>
      <c r="F1343" s="10" t="s">
        <v>4906</v>
      </c>
      <c r="G1343" s="10" t="s">
        <v>4907</v>
      </c>
      <c r="H1343" s="10" t="s">
        <v>4903</v>
      </c>
      <c r="I1343" s="11">
        <v>44910</v>
      </c>
    </row>
    <row r="1344" spans="1:9" x14ac:dyDescent="0.2">
      <c r="A1344" s="10">
        <v>2567</v>
      </c>
      <c r="B1344" s="10" t="s">
        <v>3441</v>
      </c>
      <c r="C1344" s="10" t="s">
        <v>3442</v>
      </c>
      <c r="D1344" s="10" t="s">
        <v>3443</v>
      </c>
      <c r="E1344" s="10" t="s">
        <v>3444</v>
      </c>
      <c r="F1344" s="10" t="s">
        <v>3445</v>
      </c>
      <c r="G1344" s="10" t="s">
        <v>3446</v>
      </c>
      <c r="H1344" s="10" t="s">
        <v>3447</v>
      </c>
      <c r="I1344" s="11">
        <v>44480</v>
      </c>
    </row>
    <row r="1345" spans="1:9" x14ac:dyDescent="0.2">
      <c r="A1345" s="10">
        <v>2373</v>
      </c>
      <c r="B1345" s="10" t="s">
        <v>2441</v>
      </c>
      <c r="C1345" s="10" t="s">
        <v>2442</v>
      </c>
      <c r="D1345" s="10" t="s">
        <v>2443</v>
      </c>
      <c r="E1345" s="10" t="s">
        <v>2444</v>
      </c>
      <c r="F1345" s="10" t="s">
        <v>2445</v>
      </c>
      <c r="G1345" s="10" t="s">
        <v>2446</v>
      </c>
      <c r="H1345" s="10" t="s">
        <v>2447</v>
      </c>
      <c r="I1345" s="11">
        <v>46029</v>
      </c>
    </row>
    <row r="1346" spans="1:9" x14ac:dyDescent="0.2">
      <c r="A1346" s="10">
        <v>3072</v>
      </c>
      <c r="B1346" s="10" t="s">
        <v>6206</v>
      </c>
      <c r="C1346" s="10" t="s">
        <v>6207</v>
      </c>
      <c r="D1346" s="10" t="s">
        <v>819</v>
      </c>
      <c r="E1346" s="10" t="s">
        <v>6208</v>
      </c>
      <c r="F1346" s="10" t="s">
        <v>6209</v>
      </c>
      <c r="G1346" s="10" t="s">
        <v>2446</v>
      </c>
      <c r="H1346" s="10" t="s">
        <v>6207</v>
      </c>
      <c r="I1346" s="11">
        <v>45274</v>
      </c>
    </row>
    <row r="1347" spans="1:9" x14ac:dyDescent="0.2">
      <c r="A1347" s="10">
        <v>1859</v>
      </c>
      <c r="B1347" s="10" t="s">
        <v>1396</v>
      </c>
      <c r="C1347" s="10" t="s">
        <v>1397</v>
      </c>
      <c r="D1347" s="10" t="s">
        <v>144</v>
      </c>
      <c r="E1347" s="10" t="s">
        <v>1398</v>
      </c>
      <c r="F1347" s="10" t="s">
        <v>1399</v>
      </c>
      <c r="G1347" s="10" t="s">
        <v>1400</v>
      </c>
      <c r="H1347" s="10" t="s">
        <v>1397</v>
      </c>
      <c r="I1347" s="11">
        <v>44983</v>
      </c>
    </row>
    <row r="1348" spans="1:9" x14ac:dyDescent="0.2">
      <c r="A1348" s="10">
        <v>2517</v>
      </c>
      <c r="B1348" s="10" t="s">
        <v>3184</v>
      </c>
      <c r="C1348" s="10" t="s">
        <v>3185</v>
      </c>
      <c r="D1348" s="10" t="s">
        <v>3186</v>
      </c>
      <c r="E1348" s="10" t="s">
        <v>3187</v>
      </c>
      <c r="F1348" s="10" t="s">
        <v>3188</v>
      </c>
      <c r="G1348" s="10" t="s">
        <v>3189</v>
      </c>
      <c r="H1348" s="10" t="s">
        <v>3185</v>
      </c>
      <c r="I1348" s="11">
        <v>44364</v>
      </c>
    </row>
    <row r="1349" spans="1:9" x14ac:dyDescent="0.2">
      <c r="A1349" s="10">
        <v>2816</v>
      </c>
      <c r="B1349" s="10" t="s">
        <v>4801</v>
      </c>
      <c r="C1349" s="10" t="s">
        <v>4802</v>
      </c>
      <c r="D1349" s="10" t="s">
        <v>702</v>
      </c>
      <c r="E1349" s="10" t="s">
        <v>4803</v>
      </c>
      <c r="F1349" s="10" t="s">
        <v>4804</v>
      </c>
      <c r="G1349" s="10" t="s">
        <v>4805</v>
      </c>
      <c r="H1349" s="10" t="s">
        <v>4802</v>
      </c>
      <c r="I1349" s="11">
        <v>44865</v>
      </c>
    </row>
    <row r="1350" spans="1:9" x14ac:dyDescent="0.2">
      <c r="A1350" s="10">
        <v>3233</v>
      </c>
      <c r="B1350" s="10" t="s">
        <v>7085</v>
      </c>
      <c r="C1350" s="10" t="s">
        <v>7086</v>
      </c>
      <c r="D1350" s="10" t="s">
        <v>7087</v>
      </c>
      <c r="E1350" s="10" t="s">
        <v>7088</v>
      </c>
      <c r="F1350" s="10" t="s">
        <v>7089</v>
      </c>
      <c r="G1350" s="10" t="s">
        <v>7090</v>
      </c>
      <c r="H1350" s="10" t="s">
        <v>7091</v>
      </c>
      <c r="I1350" s="11">
        <v>45467</v>
      </c>
    </row>
    <row r="1351" spans="1:9" x14ac:dyDescent="0.2">
      <c r="A1351" s="10">
        <v>428</v>
      </c>
      <c r="B1351" s="10" t="s">
        <v>149</v>
      </c>
      <c r="C1351" s="10" t="s">
        <v>35</v>
      </c>
      <c r="D1351" s="10" t="s">
        <v>150</v>
      </c>
      <c r="E1351" s="10" t="s">
        <v>151</v>
      </c>
      <c r="F1351" s="10" t="s">
        <v>152</v>
      </c>
      <c r="G1351" s="10" t="s">
        <v>153</v>
      </c>
      <c r="H1351" s="10" t="s">
        <v>154</v>
      </c>
      <c r="I1351" s="11">
        <v>45408</v>
      </c>
    </row>
    <row r="1352" spans="1:9" x14ac:dyDescent="0.2">
      <c r="A1352" s="10">
        <v>2022</v>
      </c>
      <c r="B1352" s="10" t="s">
        <v>1703</v>
      </c>
      <c r="C1352" s="10" t="s">
        <v>1704</v>
      </c>
      <c r="D1352" s="10" t="s">
        <v>1705</v>
      </c>
      <c r="E1352" s="10" t="s">
        <v>1706</v>
      </c>
      <c r="F1352" s="10" t="s">
        <v>1707</v>
      </c>
      <c r="G1352" s="10" t="s">
        <v>1708</v>
      </c>
      <c r="H1352" s="10" t="s">
        <v>1704</v>
      </c>
      <c r="I1352" s="11">
        <v>45369</v>
      </c>
    </row>
    <row r="1353" spans="1:9" x14ac:dyDescent="0.2">
      <c r="A1353" s="10">
        <v>3262</v>
      </c>
      <c r="B1353" s="10" t="s">
        <v>7248</v>
      </c>
      <c r="C1353" s="10" t="s">
        <v>7249</v>
      </c>
      <c r="D1353" s="10" t="s">
        <v>7250</v>
      </c>
      <c r="E1353" s="10" t="s">
        <v>7251</v>
      </c>
      <c r="F1353" s="10" t="s">
        <v>7252</v>
      </c>
      <c r="G1353" s="10" t="s">
        <v>7253</v>
      </c>
      <c r="H1353" s="10" t="s">
        <v>7254</v>
      </c>
      <c r="I1353" s="11">
        <v>45505</v>
      </c>
    </row>
    <row r="1354" spans="1:9" x14ac:dyDescent="0.2">
      <c r="A1354" s="10">
        <v>2779</v>
      </c>
      <c r="B1354" s="10" t="s">
        <v>4586</v>
      </c>
      <c r="C1354" s="10" t="s">
        <v>4587</v>
      </c>
      <c r="D1354" s="10" t="s">
        <v>4588</v>
      </c>
      <c r="E1354" s="10" t="s">
        <v>4589</v>
      </c>
      <c r="F1354" s="10" t="s">
        <v>4590</v>
      </c>
      <c r="G1354" s="10" t="s">
        <v>4591</v>
      </c>
      <c r="H1354" s="10" t="s">
        <v>4592</v>
      </c>
      <c r="I1354" s="11">
        <v>44805</v>
      </c>
    </row>
    <row r="1355" spans="1:9" x14ac:dyDescent="0.2">
      <c r="A1355" s="10">
        <v>2928</v>
      </c>
      <c r="B1355" s="10" t="s">
        <v>5424</v>
      </c>
      <c r="C1355" s="10" t="s">
        <v>5425</v>
      </c>
      <c r="D1355" s="10" t="s">
        <v>1637</v>
      </c>
      <c r="E1355" s="10" t="s">
        <v>5426</v>
      </c>
      <c r="F1355" s="10" t="s">
        <v>5427</v>
      </c>
      <c r="G1355" s="10" t="s">
        <v>5428</v>
      </c>
      <c r="H1355" s="10" t="s">
        <v>5429</v>
      </c>
      <c r="I1355" s="11">
        <v>45071</v>
      </c>
    </row>
    <row r="1356" spans="1:9" x14ac:dyDescent="0.2">
      <c r="A1356" s="10">
        <v>3103</v>
      </c>
      <c r="B1356" s="10" t="s">
        <v>6392</v>
      </c>
      <c r="C1356" s="10" t="s">
        <v>6393</v>
      </c>
      <c r="D1356" s="10" t="s">
        <v>1058</v>
      </c>
      <c r="E1356" s="10" t="s">
        <v>6394</v>
      </c>
      <c r="F1356" s="10" t="s">
        <v>6395</v>
      </c>
      <c r="G1356" s="10" t="s">
        <v>6396</v>
      </c>
      <c r="H1356" s="10" t="s">
        <v>6393</v>
      </c>
      <c r="I1356" s="11">
        <v>45306</v>
      </c>
    </row>
    <row r="1357" spans="1:9" x14ac:dyDescent="0.2">
      <c r="A1357" s="14">
        <v>3568</v>
      </c>
      <c r="B1357" s="15" t="s">
        <v>8991</v>
      </c>
      <c r="C1357" s="10" t="s">
        <v>8992</v>
      </c>
      <c r="D1357" s="15" t="s">
        <v>8993</v>
      </c>
      <c r="E1357" s="10" t="s">
        <v>8994</v>
      </c>
      <c r="F1357" s="10" t="s">
        <v>8995</v>
      </c>
      <c r="G1357" s="10" t="s">
        <v>8996</v>
      </c>
      <c r="H1357" s="10" t="s">
        <v>8992</v>
      </c>
      <c r="I1357" s="11">
        <v>45932</v>
      </c>
    </row>
    <row r="1358" spans="1:9" x14ac:dyDescent="0.2">
      <c r="A1358" s="10">
        <v>3191</v>
      </c>
      <c r="B1358" s="10" t="s">
        <v>6855</v>
      </c>
      <c r="C1358" s="10" t="s">
        <v>6856</v>
      </c>
      <c r="D1358" s="10" t="s">
        <v>6857</v>
      </c>
      <c r="E1358" s="10" t="s">
        <v>6858</v>
      </c>
      <c r="F1358" s="10" t="s">
        <v>6859</v>
      </c>
      <c r="G1358" s="10" t="s">
        <v>6860</v>
      </c>
      <c r="H1358" s="10" t="s">
        <v>6856</v>
      </c>
      <c r="I1358" s="11">
        <v>45412</v>
      </c>
    </row>
    <row r="1359" spans="1:9" x14ac:dyDescent="0.2">
      <c r="A1359" s="10">
        <v>2023</v>
      </c>
      <c r="B1359" s="10" t="s">
        <v>1709</v>
      </c>
      <c r="C1359" s="10" t="s">
        <v>1710</v>
      </c>
      <c r="D1359" s="10" t="s">
        <v>1154</v>
      </c>
      <c r="E1359" s="10" t="s">
        <v>1711</v>
      </c>
      <c r="F1359" s="10" t="s">
        <v>1712</v>
      </c>
      <c r="G1359" s="10" t="s">
        <v>1713</v>
      </c>
      <c r="H1359" s="10" t="s">
        <v>1710</v>
      </c>
      <c r="I1359" s="11">
        <v>45369</v>
      </c>
    </row>
    <row r="1360" spans="1:9" x14ac:dyDescent="0.2">
      <c r="A1360" s="10">
        <v>2895</v>
      </c>
      <c r="B1360" s="10" t="s">
        <v>5235</v>
      </c>
      <c r="C1360" s="10" t="s">
        <v>5236</v>
      </c>
      <c r="D1360" s="10" t="s">
        <v>1202</v>
      </c>
      <c r="E1360" s="10" t="s">
        <v>5237</v>
      </c>
      <c r="F1360" s="10" t="s">
        <v>5238</v>
      </c>
      <c r="G1360" s="10" t="s">
        <v>5239</v>
      </c>
      <c r="H1360" s="10" t="s">
        <v>5236</v>
      </c>
      <c r="I1360" s="11">
        <v>45019</v>
      </c>
    </row>
    <row r="1361" spans="1:9" x14ac:dyDescent="0.2">
      <c r="A1361" s="10">
        <v>3256</v>
      </c>
      <c r="B1361" s="10" t="s">
        <v>7216</v>
      </c>
      <c r="C1361" s="10" t="s">
        <v>7217</v>
      </c>
      <c r="D1361" s="10" t="s">
        <v>6954</v>
      </c>
      <c r="E1361" s="10" t="s">
        <v>7218</v>
      </c>
      <c r="F1361" s="10" t="s">
        <v>7219</v>
      </c>
      <c r="G1361" s="10" t="s">
        <v>7220</v>
      </c>
      <c r="H1361" s="10" t="s">
        <v>7217</v>
      </c>
      <c r="I1361" s="11">
        <v>45517</v>
      </c>
    </row>
    <row r="1362" spans="1:9" x14ac:dyDescent="0.2">
      <c r="A1362" s="14">
        <v>3584</v>
      </c>
      <c r="B1362" s="15" t="s">
        <v>9074</v>
      </c>
      <c r="C1362" s="10" t="s">
        <v>35</v>
      </c>
      <c r="D1362" s="15" t="s">
        <v>9075</v>
      </c>
      <c r="E1362" s="10" t="s">
        <v>9076</v>
      </c>
      <c r="F1362" s="10" t="s">
        <v>9077</v>
      </c>
      <c r="G1362" s="10" t="s">
        <v>9078</v>
      </c>
      <c r="H1362" s="10" t="s">
        <v>9079</v>
      </c>
      <c r="I1362" s="11">
        <v>45978</v>
      </c>
    </row>
    <row r="1363" spans="1:9" x14ac:dyDescent="0.2">
      <c r="A1363" s="10">
        <v>3381</v>
      </c>
      <c r="B1363" s="10" t="s">
        <v>7932</v>
      </c>
      <c r="C1363" s="10" t="s">
        <v>7933</v>
      </c>
      <c r="D1363" s="10" t="s">
        <v>7934</v>
      </c>
      <c r="E1363" s="10" t="s">
        <v>7935</v>
      </c>
      <c r="F1363" s="10" t="s">
        <v>7936</v>
      </c>
      <c r="G1363" s="10" t="s">
        <v>7937</v>
      </c>
      <c r="H1363" s="10" t="s">
        <v>7933</v>
      </c>
      <c r="I1363" s="11">
        <v>45673</v>
      </c>
    </row>
    <row r="1364" spans="1:9" x14ac:dyDescent="0.2">
      <c r="A1364" s="14">
        <v>3621</v>
      </c>
      <c r="B1364" s="15" t="s">
        <v>9284</v>
      </c>
      <c r="C1364" s="10" t="s">
        <v>9285</v>
      </c>
      <c r="D1364" s="15" t="s">
        <v>9286</v>
      </c>
      <c r="E1364" s="10" t="s">
        <v>9287</v>
      </c>
      <c r="F1364" s="10" t="s">
        <v>9288</v>
      </c>
      <c r="G1364" s="10" t="s">
        <v>9289</v>
      </c>
      <c r="H1364" s="10" t="s">
        <v>9290</v>
      </c>
      <c r="I1364" s="11">
        <v>45995</v>
      </c>
    </row>
    <row r="1365" spans="1:9" x14ac:dyDescent="0.2">
      <c r="A1365" s="10">
        <v>137</v>
      </c>
      <c r="B1365" s="10" t="s">
        <v>91</v>
      </c>
      <c r="C1365" s="10" t="s">
        <v>35</v>
      </c>
      <c r="D1365" s="10" t="s">
        <v>92</v>
      </c>
      <c r="E1365" s="10" t="s">
        <v>93</v>
      </c>
      <c r="F1365" s="10" t="s">
        <v>94</v>
      </c>
      <c r="G1365" s="10" t="s">
        <v>95</v>
      </c>
      <c r="H1365" s="10" t="s">
        <v>96</v>
      </c>
      <c r="I1365" s="11">
        <v>44555</v>
      </c>
    </row>
    <row r="1366" spans="1:9" x14ac:dyDescent="0.2">
      <c r="A1366" s="10">
        <v>2698</v>
      </c>
      <c r="B1366" s="10" t="s">
        <v>4144</v>
      </c>
      <c r="C1366" s="10" t="s">
        <v>35</v>
      </c>
      <c r="D1366" s="10" t="s">
        <v>4145</v>
      </c>
      <c r="E1366" s="10" t="s">
        <v>4146</v>
      </c>
      <c r="F1366" s="10" t="s">
        <v>4147</v>
      </c>
      <c r="G1366" s="10" t="s">
        <v>4148</v>
      </c>
      <c r="H1366" s="10" t="s">
        <v>4149</v>
      </c>
      <c r="I1366" s="11">
        <v>44700</v>
      </c>
    </row>
    <row r="1367" spans="1:9" x14ac:dyDescent="0.2">
      <c r="A1367" s="10">
        <v>2659</v>
      </c>
      <c r="B1367" s="10" t="s">
        <v>3943</v>
      </c>
      <c r="C1367" s="10" t="s">
        <v>3944</v>
      </c>
      <c r="D1367" s="10" t="s">
        <v>3945</v>
      </c>
      <c r="E1367" s="10" t="s">
        <v>3946</v>
      </c>
      <c r="F1367" s="10" t="s">
        <v>3947</v>
      </c>
      <c r="G1367" s="10" t="s">
        <v>3948</v>
      </c>
      <c r="H1367" s="10" t="s">
        <v>3942</v>
      </c>
      <c r="I1367" s="11">
        <v>44630</v>
      </c>
    </row>
    <row r="1368" spans="1:9" x14ac:dyDescent="0.2">
      <c r="A1368" s="10">
        <v>1540</v>
      </c>
      <c r="B1368" s="10" t="s">
        <v>811</v>
      </c>
      <c r="C1368" s="10" t="s">
        <v>812</v>
      </c>
      <c r="D1368" s="10" t="s">
        <v>813</v>
      </c>
      <c r="E1368" s="10" t="s">
        <v>814</v>
      </c>
      <c r="F1368" s="10" t="s">
        <v>815</v>
      </c>
      <c r="G1368" s="10" t="s">
        <v>816</v>
      </c>
      <c r="H1368" s="10" t="s">
        <v>812</v>
      </c>
      <c r="I1368" s="11">
        <v>44256</v>
      </c>
    </row>
    <row r="1369" spans="1:9" x14ac:dyDescent="0.2">
      <c r="A1369" s="10">
        <v>2775</v>
      </c>
      <c r="B1369" s="10" t="s">
        <v>4567</v>
      </c>
      <c r="C1369" s="10" t="s">
        <v>4568</v>
      </c>
      <c r="D1369" s="10" t="s">
        <v>4569</v>
      </c>
      <c r="E1369" s="10" t="s">
        <v>4570</v>
      </c>
      <c r="F1369" s="10" t="s">
        <v>4571</v>
      </c>
      <c r="G1369" s="10" t="s">
        <v>4572</v>
      </c>
      <c r="H1369" s="10" t="s">
        <v>4573</v>
      </c>
      <c r="I1369" s="11">
        <v>44798</v>
      </c>
    </row>
    <row r="1370" spans="1:9" x14ac:dyDescent="0.2">
      <c r="A1370" s="10">
        <v>2966</v>
      </c>
      <c r="B1370" s="10" t="s">
        <v>5610</v>
      </c>
      <c r="C1370" s="10" t="s">
        <v>5611</v>
      </c>
      <c r="D1370" s="10" t="s">
        <v>5612</v>
      </c>
      <c r="E1370" s="10" t="s">
        <v>5613</v>
      </c>
      <c r="F1370" s="10" t="s">
        <v>5614</v>
      </c>
      <c r="G1370" s="10" t="s">
        <v>5615</v>
      </c>
      <c r="H1370" s="10" t="s">
        <v>5616</v>
      </c>
      <c r="I1370" s="11">
        <v>45113</v>
      </c>
    </row>
    <row r="1371" spans="1:9" x14ac:dyDescent="0.2">
      <c r="A1371" s="10">
        <v>3024</v>
      </c>
      <c r="B1371" s="10" t="s">
        <v>5954</v>
      </c>
      <c r="C1371" s="10" t="s">
        <v>5955</v>
      </c>
      <c r="D1371" s="10" t="s">
        <v>5956</v>
      </c>
      <c r="E1371" s="10" t="s">
        <v>5957</v>
      </c>
      <c r="F1371" s="10" t="s">
        <v>5958</v>
      </c>
      <c r="G1371" s="10" t="s">
        <v>5959</v>
      </c>
      <c r="H1371" s="10" t="s">
        <v>5960</v>
      </c>
      <c r="I1371" s="11">
        <v>45204</v>
      </c>
    </row>
    <row r="1372" spans="1:9" x14ac:dyDescent="0.2">
      <c r="A1372" s="14">
        <v>3555</v>
      </c>
      <c r="B1372" s="15" t="s">
        <v>8912</v>
      </c>
      <c r="C1372" s="10" t="s">
        <v>35</v>
      </c>
      <c r="D1372" s="15" t="s">
        <v>1537</v>
      </c>
      <c r="E1372" s="10" t="s">
        <v>8913</v>
      </c>
      <c r="F1372" s="10" t="s">
        <v>8914</v>
      </c>
      <c r="G1372" s="10" t="s">
        <v>8915</v>
      </c>
      <c r="H1372" s="10" t="s">
        <v>8916</v>
      </c>
      <c r="I1372" s="11">
        <v>45922</v>
      </c>
    </row>
    <row r="1373" spans="1:9" x14ac:dyDescent="0.2">
      <c r="A1373" s="13">
        <v>3446</v>
      </c>
      <c r="B1373" s="10" t="s">
        <v>8300</v>
      </c>
      <c r="C1373" s="10" t="s">
        <v>8301</v>
      </c>
      <c r="D1373" s="10" t="s">
        <v>1226</v>
      </c>
      <c r="E1373" s="10" t="s">
        <v>8302</v>
      </c>
      <c r="F1373" s="10" t="s">
        <v>8303</v>
      </c>
      <c r="G1373" s="10" t="s">
        <v>8304</v>
      </c>
      <c r="H1373" s="10" t="s">
        <v>8301</v>
      </c>
      <c r="I1373" s="11">
        <v>45775</v>
      </c>
    </row>
    <row r="1374" spans="1:9" x14ac:dyDescent="0.2">
      <c r="A1374" s="10">
        <v>3083</v>
      </c>
      <c r="B1374" s="10" t="s">
        <v>6274</v>
      </c>
      <c r="C1374" s="10" t="s">
        <v>6275</v>
      </c>
      <c r="D1374" s="10" t="s">
        <v>6276</v>
      </c>
      <c r="E1374" s="10" t="s">
        <v>6277</v>
      </c>
      <c r="F1374" s="10" t="s">
        <v>6278</v>
      </c>
      <c r="G1374" s="10" t="s">
        <v>6279</v>
      </c>
      <c r="H1374" s="10" t="s">
        <v>6280</v>
      </c>
      <c r="I1374" s="11">
        <v>45274</v>
      </c>
    </row>
    <row r="1375" spans="1:9" x14ac:dyDescent="0.2">
      <c r="A1375" s="10">
        <v>2442</v>
      </c>
      <c r="B1375" s="10" t="s">
        <v>2795</v>
      </c>
      <c r="C1375" s="10" t="s">
        <v>2796</v>
      </c>
      <c r="D1375" s="10" t="s">
        <v>2797</v>
      </c>
      <c r="E1375" s="10" t="s">
        <v>2798</v>
      </c>
      <c r="F1375" s="10" t="s">
        <v>2799</v>
      </c>
      <c r="G1375" s="10" t="s">
        <v>2800</v>
      </c>
      <c r="H1375" s="10" t="s">
        <v>2796</v>
      </c>
      <c r="I1375" s="11">
        <v>44284</v>
      </c>
    </row>
    <row r="1376" spans="1:9" x14ac:dyDescent="0.2">
      <c r="A1376" s="10">
        <v>1815</v>
      </c>
      <c r="B1376" s="10" t="s">
        <v>1298</v>
      </c>
      <c r="C1376" s="10" t="s">
        <v>1299</v>
      </c>
      <c r="D1376" s="10" t="s">
        <v>1300</v>
      </c>
      <c r="E1376" s="10" t="s">
        <v>1301</v>
      </c>
      <c r="F1376" s="10" t="s">
        <v>1302</v>
      </c>
      <c r="G1376" s="10" t="s">
        <v>1303</v>
      </c>
      <c r="H1376" s="10" t="s">
        <v>1299</v>
      </c>
      <c r="I1376" s="11">
        <v>44860</v>
      </c>
    </row>
    <row r="1377" spans="1:9" x14ac:dyDescent="0.2">
      <c r="A1377" s="13">
        <v>3469</v>
      </c>
      <c r="B1377" s="10" t="s">
        <v>1298</v>
      </c>
      <c r="C1377" s="10" t="s">
        <v>8423</v>
      </c>
      <c r="D1377" s="10" t="s">
        <v>5745</v>
      </c>
      <c r="E1377" s="10" t="s">
        <v>8424</v>
      </c>
      <c r="F1377" s="10" t="s">
        <v>8425</v>
      </c>
      <c r="G1377" s="10" t="s">
        <v>1303</v>
      </c>
      <c r="H1377" s="10" t="s">
        <v>8426</v>
      </c>
      <c r="I1377" s="11">
        <v>45785</v>
      </c>
    </row>
    <row r="1378" spans="1:9" x14ac:dyDescent="0.2">
      <c r="A1378" s="10">
        <v>1312</v>
      </c>
      <c r="B1378" s="10" t="s">
        <v>620</v>
      </c>
      <c r="C1378" s="10" t="s">
        <v>621</v>
      </c>
      <c r="D1378" s="10" t="s">
        <v>622</v>
      </c>
      <c r="E1378" s="10" t="s">
        <v>623</v>
      </c>
      <c r="F1378" s="10" t="s">
        <v>624</v>
      </c>
      <c r="G1378" s="10" t="s">
        <v>625</v>
      </c>
      <c r="H1378" s="10" t="s">
        <v>621</v>
      </c>
      <c r="I1378" s="11">
        <v>45475</v>
      </c>
    </row>
    <row r="1379" spans="1:9" x14ac:dyDescent="0.2">
      <c r="A1379" s="10">
        <v>3031</v>
      </c>
      <c r="B1379" s="10" t="s">
        <v>5998</v>
      </c>
      <c r="C1379" s="10" t="s">
        <v>5999</v>
      </c>
      <c r="D1379" s="10" t="s">
        <v>6000</v>
      </c>
      <c r="E1379" s="10" t="s">
        <v>6001</v>
      </c>
      <c r="F1379" s="10" t="s">
        <v>6002</v>
      </c>
      <c r="G1379" s="10" t="s">
        <v>6003</v>
      </c>
      <c r="H1379" s="10" t="s">
        <v>5999</v>
      </c>
      <c r="I1379" s="11">
        <v>45215</v>
      </c>
    </row>
    <row r="1380" spans="1:9" x14ac:dyDescent="0.2">
      <c r="A1380" s="10">
        <v>3126</v>
      </c>
      <c r="B1380" s="10" t="s">
        <v>6516</v>
      </c>
      <c r="C1380" s="10" t="s">
        <v>6517</v>
      </c>
      <c r="D1380" s="10" t="s">
        <v>1186</v>
      </c>
      <c r="E1380" s="10" t="s">
        <v>6518</v>
      </c>
      <c r="F1380" s="10" t="s">
        <v>6519</v>
      </c>
      <c r="G1380" s="10" t="s">
        <v>6520</v>
      </c>
      <c r="H1380" s="10" t="s">
        <v>6521</v>
      </c>
      <c r="I1380" s="11">
        <v>45362</v>
      </c>
    </row>
    <row r="1381" spans="1:9" x14ac:dyDescent="0.2">
      <c r="A1381" s="10">
        <v>2793</v>
      </c>
      <c r="B1381" s="10" t="s">
        <v>4659</v>
      </c>
      <c r="C1381" s="10" t="s">
        <v>4660</v>
      </c>
      <c r="D1381" s="10" t="s">
        <v>4661</v>
      </c>
      <c r="E1381" s="10" t="s">
        <v>4662</v>
      </c>
      <c r="F1381" s="10" t="s">
        <v>4663</v>
      </c>
      <c r="G1381" s="10" t="s">
        <v>4664</v>
      </c>
      <c r="H1381" s="10" t="s">
        <v>4660</v>
      </c>
      <c r="I1381" s="11">
        <v>44826</v>
      </c>
    </row>
    <row r="1382" spans="1:9" x14ac:dyDescent="0.2">
      <c r="A1382" s="10">
        <v>1530</v>
      </c>
      <c r="B1382" s="10" t="s">
        <v>791</v>
      </c>
      <c r="C1382" s="10" t="s">
        <v>792</v>
      </c>
      <c r="D1382" s="10" t="s">
        <v>793</v>
      </c>
      <c r="E1382" s="10" t="s">
        <v>794</v>
      </c>
      <c r="F1382" s="10" t="s">
        <v>795</v>
      </c>
      <c r="G1382" s="10" t="s">
        <v>796</v>
      </c>
      <c r="H1382" s="10" t="s">
        <v>797</v>
      </c>
      <c r="I1382" s="11">
        <v>46061</v>
      </c>
    </row>
    <row r="1383" spans="1:9" x14ac:dyDescent="0.2">
      <c r="A1383" s="10">
        <v>2444</v>
      </c>
      <c r="B1383" s="10" t="s">
        <v>2807</v>
      </c>
      <c r="C1383" s="10" t="s">
        <v>792</v>
      </c>
      <c r="D1383" s="10" t="s">
        <v>1606</v>
      </c>
      <c r="E1383" s="10" t="s">
        <v>2808</v>
      </c>
      <c r="F1383" s="10" t="s">
        <v>2809</v>
      </c>
      <c r="G1383" s="10" t="s">
        <v>2810</v>
      </c>
      <c r="H1383" s="10" t="s">
        <v>792</v>
      </c>
      <c r="I1383" s="11">
        <v>44284</v>
      </c>
    </row>
    <row r="1384" spans="1:9" x14ac:dyDescent="0.2">
      <c r="A1384" s="14">
        <v>3589</v>
      </c>
      <c r="B1384" s="15" t="s">
        <v>9096</v>
      </c>
      <c r="C1384" s="10" t="s">
        <v>1728</v>
      </c>
      <c r="D1384" s="15" t="s">
        <v>9097</v>
      </c>
      <c r="E1384" s="10" t="s">
        <v>9098</v>
      </c>
      <c r="F1384" s="10" t="s">
        <v>9099</v>
      </c>
      <c r="G1384" s="10" t="s">
        <v>9100</v>
      </c>
      <c r="H1384" s="10" t="s">
        <v>9101</v>
      </c>
      <c r="I1384" s="11">
        <v>45978</v>
      </c>
    </row>
    <row r="1385" spans="1:9" x14ac:dyDescent="0.2">
      <c r="A1385" s="10">
        <v>1522</v>
      </c>
      <c r="B1385" s="10" t="s">
        <v>768</v>
      </c>
      <c r="C1385" s="10" t="s">
        <v>769</v>
      </c>
      <c r="D1385" s="10" t="s">
        <v>770</v>
      </c>
      <c r="E1385" s="10" t="s">
        <v>771</v>
      </c>
      <c r="F1385" s="10" t="s">
        <v>772</v>
      </c>
      <c r="G1385" s="10" t="s">
        <v>773</v>
      </c>
      <c r="H1385" s="10" t="s">
        <v>769</v>
      </c>
      <c r="I1385" s="11">
        <v>46042</v>
      </c>
    </row>
    <row r="1386" spans="1:9" x14ac:dyDescent="0.2">
      <c r="A1386" s="10">
        <v>2939</v>
      </c>
      <c r="B1386" s="10" t="s">
        <v>5485</v>
      </c>
      <c r="C1386" s="10" t="s">
        <v>792</v>
      </c>
      <c r="D1386" s="10" t="s">
        <v>5486</v>
      </c>
      <c r="E1386" s="10" t="s">
        <v>5487</v>
      </c>
      <c r="F1386" s="10" t="s">
        <v>5488</v>
      </c>
      <c r="G1386" s="10" t="s">
        <v>5489</v>
      </c>
      <c r="H1386" s="10" t="s">
        <v>5490</v>
      </c>
      <c r="I1386" s="11">
        <v>45075</v>
      </c>
    </row>
    <row r="1387" spans="1:9" x14ac:dyDescent="0.2">
      <c r="A1387" s="10">
        <v>3323</v>
      </c>
      <c r="B1387" s="10" t="s">
        <v>7595</v>
      </c>
      <c r="C1387" s="10" t="s">
        <v>35</v>
      </c>
      <c r="D1387" s="10" t="s">
        <v>1792</v>
      </c>
      <c r="E1387" s="10" t="s">
        <v>7596</v>
      </c>
      <c r="F1387" s="10" t="s">
        <v>7597</v>
      </c>
      <c r="G1387" s="10" t="s">
        <v>7598</v>
      </c>
      <c r="H1387" s="10" t="s">
        <v>7599</v>
      </c>
      <c r="I1387" s="11">
        <v>45593</v>
      </c>
    </row>
    <row r="1388" spans="1:9" x14ac:dyDescent="0.2">
      <c r="A1388" s="10">
        <v>2962</v>
      </c>
      <c r="B1388" s="10" t="s">
        <v>5591</v>
      </c>
      <c r="C1388" s="10" t="s">
        <v>5592</v>
      </c>
      <c r="D1388" s="10" t="s">
        <v>764</v>
      </c>
      <c r="E1388" s="10" t="s">
        <v>5593</v>
      </c>
      <c r="F1388" s="10" t="s">
        <v>5594</v>
      </c>
      <c r="G1388" s="10" t="s">
        <v>5595</v>
      </c>
      <c r="H1388" s="10" t="s">
        <v>5596</v>
      </c>
      <c r="I1388" s="11">
        <v>45125</v>
      </c>
    </row>
    <row r="1389" spans="1:9" x14ac:dyDescent="0.2">
      <c r="A1389" s="10">
        <v>2399</v>
      </c>
      <c r="B1389" s="10" t="s">
        <v>2577</v>
      </c>
      <c r="C1389" s="10" t="s">
        <v>2578</v>
      </c>
      <c r="D1389" s="10" t="s">
        <v>24</v>
      </c>
      <c r="E1389" s="10" t="s">
        <v>2579</v>
      </c>
      <c r="F1389" s="10" t="s">
        <v>2580</v>
      </c>
      <c r="G1389" s="10" t="s">
        <v>2581</v>
      </c>
      <c r="H1389" s="10" t="s">
        <v>2578</v>
      </c>
      <c r="I1389" s="11">
        <v>44245</v>
      </c>
    </row>
    <row r="1390" spans="1:9" x14ac:dyDescent="0.2">
      <c r="A1390" s="10">
        <v>1917</v>
      </c>
      <c r="B1390" s="10" t="s">
        <v>1547</v>
      </c>
      <c r="C1390" s="10" t="s">
        <v>35</v>
      </c>
      <c r="D1390" s="10" t="s">
        <v>926</v>
      </c>
      <c r="E1390" s="10" t="s">
        <v>1548</v>
      </c>
      <c r="F1390" s="10" t="s">
        <v>1549</v>
      </c>
      <c r="G1390" s="10" t="s">
        <v>1550</v>
      </c>
      <c r="H1390" s="10" t="s">
        <v>1551</v>
      </c>
      <c r="I1390" s="11">
        <v>45095</v>
      </c>
    </row>
    <row r="1391" spans="1:9" x14ac:dyDescent="0.2">
      <c r="A1391" s="10">
        <v>3320</v>
      </c>
      <c r="B1391" s="10" t="s">
        <v>7576</v>
      </c>
      <c r="C1391" s="10" t="s">
        <v>35</v>
      </c>
      <c r="D1391" s="10" t="s">
        <v>7577</v>
      </c>
      <c r="E1391" s="10" t="s">
        <v>7578</v>
      </c>
      <c r="F1391" s="10" t="s">
        <v>7579</v>
      </c>
      <c r="G1391" s="10" t="s">
        <v>7580</v>
      </c>
      <c r="H1391" s="10" t="s">
        <v>7581</v>
      </c>
      <c r="I1391" s="11">
        <v>45589</v>
      </c>
    </row>
    <row r="1392" spans="1:9" x14ac:dyDescent="0.2">
      <c r="A1392" s="10">
        <v>2869</v>
      </c>
      <c r="B1392" s="10" t="s">
        <v>5084</v>
      </c>
      <c r="C1392" s="10" t="s">
        <v>35</v>
      </c>
      <c r="D1392" s="10" t="s">
        <v>5085</v>
      </c>
      <c r="E1392" s="10" t="s">
        <v>5086</v>
      </c>
      <c r="F1392" s="10" t="s">
        <v>5087</v>
      </c>
      <c r="G1392" s="10" t="s">
        <v>5088</v>
      </c>
      <c r="H1392" s="10" t="s">
        <v>5089</v>
      </c>
      <c r="I1392" s="11">
        <v>44984</v>
      </c>
    </row>
    <row r="1393" spans="1:9" x14ac:dyDescent="0.2">
      <c r="A1393" s="10">
        <v>2838</v>
      </c>
      <c r="B1393" s="10" t="s">
        <v>4908</v>
      </c>
      <c r="C1393" s="10" t="s">
        <v>4909</v>
      </c>
      <c r="D1393" s="10" t="s">
        <v>4910</v>
      </c>
      <c r="E1393" s="10" t="s">
        <v>4911</v>
      </c>
      <c r="F1393" s="10" t="s">
        <v>4912</v>
      </c>
      <c r="G1393" s="10" t="s">
        <v>4913</v>
      </c>
      <c r="H1393" s="10" t="s">
        <v>4914</v>
      </c>
      <c r="I1393" s="11">
        <v>44914</v>
      </c>
    </row>
    <row r="1394" spans="1:9" x14ac:dyDescent="0.2">
      <c r="A1394" s="10">
        <v>2731</v>
      </c>
      <c r="B1394" s="10" t="s">
        <v>4315</v>
      </c>
      <c r="C1394" s="10" t="s">
        <v>35</v>
      </c>
      <c r="D1394" s="10" t="s">
        <v>4316</v>
      </c>
      <c r="E1394" s="10" t="s">
        <v>4317</v>
      </c>
      <c r="F1394" s="10" t="s">
        <v>4318</v>
      </c>
      <c r="G1394" s="10" t="s">
        <v>4319</v>
      </c>
      <c r="H1394" s="10" t="s">
        <v>4320</v>
      </c>
      <c r="I1394" s="11">
        <v>44732</v>
      </c>
    </row>
    <row r="1395" spans="1:9" x14ac:dyDescent="0.2">
      <c r="A1395" s="10">
        <v>2124</v>
      </c>
      <c r="B1395" s="10" t="s">
        <v>1889</v>
      </c>
      <c r="C1395" s="10" t="s">
        <v>1890</v>
      </c>
      <c r="D1395" s="10" t="s">
        <v>1891</v>
      </c>
      <c r="E1395" s="10" t="s">
        <v>1892</v>
      </c>
      <c r="F1395" s="10" t="s">
        <v>1893</v>
      </c>
      <c r="G1395" s="10" t="s">
        <v>1894</v>
      </c>
      <c r="H1395" s="10" t="s">
        <v>1895</v>
      </c>
      <c r="I1395" s="11">
        <v>45544</v>
      </c>
    </row>
    <row r="1396" spans="1:9" x14ac:dyDescent="0.2">
      <c r="A1396" s="10">
        <v>434</v>
      </c>
      <c r="B1396" s="10" t="s">
        <v>161</v>
      </c>
      <c r="C1396" s="10" t="s">
        <v>162</v>
      </c>
      <c r="D1396" s="10" t="s">
        <v>163</v>
      </c>
      <c r="E1396" s="10" t="s">
        <v>164</v>
      </c>
      <c r="F1396" s="10" t="s">
        <v>165</v>
      </c>
      <c r="G1396" s="10" t="s">
        <v>166</v>
      </c>
      <c r="H1396" s="10" t="s">
        <v>167</v>
      </c>
      <c r="I1396" s="11">
        <v>45438</v>
      </c>
    </row>
    <row r="1397" spans="1:9" x14ac:dyDescent="0.2">
      <c r="A1397" s="10">
        <v>2208</v>
      </c>
      <c r="B1397" s="10" t="s">
        <v>2063</v>
      </c>
      <c r="C1397" s="10" t="s">
        <v>35</v>
      </c>
      <c r="D1397" s="10" t="s">
        <v>391</v>
      </c>
      <c r="E1397" s="10" t="s">
        <v>2064</v>
      </c>
      <c r="F1397" s="10" t="s">
        <v>2065</v>
      </c>
      <c r="G1397" s="10" t="s">
        <v>2066</v>
      </c>
      <c r="H1397" s="10" t="s">
        <v>2067</v>
      </c>
      <c r="I1397" s="11">
        <v>45732</v>
      </c>
    </row>
    <row r="1398" spans="1:9" x14ac:dyDescent="0.2">
      <c r="A1398" s="10">
        <v>1833</v>
      </c>
      <c r="B1398" s="10" t="s">
        <v>1333</v>
      </c>
      <c r="C1398" s="10" t="s">
        <v>1334</v>
      </c>
      <c r="D1398" s="10" t="s">
        <v>1335</v>
      </c>
      <c r="E1398" s="10" t="s">
        <v>1336</v>
      </c>
      <c r="F1398" s="10" t="s">
        <v>1337</v>
      </c>
      <c r="G1398" s="10" t="s">
        <v>1338</v>
      </c>
      <c r="H1398" s="10" t="s">
        <v>1334</v>
      </c>
      <c r="I1398" s="11">
        <v>44913</v>
      </c>
    </row>
    <row r="1399" spans="1:9" x14ac:dyDescent="0.2">
      <c r="A1399" s="13">
        <v>3512</v>
      </c>
      <c r="B1399" s="10" t="s">
        <v>8665</v>
      </c>
      <c r="C1399" s="10" t="s">
        <v>8666</v>
      </c>
      <c r="D1399" s="10" t="s">
        <v>8667</v>
      </c>
      <c r="E1399" s="10" t="s">
        <v>8668</v>
      </c>
      <c r="F1399" s="10" t="s">
        <v>8669</v>
      </c>
      <c r="G1399" s="10" t="s">
        <v>8670</v>
      </c>
      <c r="H1399" s="10" t="s">
        <v>8666</v>
      </c>
      <c r="I1399" s="11">
        <v>45834</v>
      </c>
    </row>
    <row r="1400" spans="1:9" x14ac:dyDescent="0.2">
      <c r="A1400" s="10">
        <v>2424</v>
      </c>
      <c r="B1400" s="10" t="s">
        <v>2705</v>
      </c>
      <c r="C1400" s="10" t="s">
        <v>2706</v>
      </c>
      <c r="D1400" s="10" t="s">
        <v>2707</v>
      </c>
      <c r="E1400" s="10" t="s">
        <v>2708</v>
      </c>
      <c r="F1400" s="10" t="s">
        <v>2709</v>
      </c>
      <c r="G1400" s="10" t="s">
        <v>2710</v>
      </c>
      <c r="H1400" s="10" t="s">
        <v>2706</v>
      </c>
      <c r="I1400" s="11">
        <v>44266</v>
      </c>
    </row>
    <row r="1401" spans="1:9" x14ac:dyDescent="0.2">
      <c r="A1401" s="10">
        <v>1681</v>
      </c>
      <c r="B1401" s="10" t="s">
        <v>1063</v>
      </c>
      <c r="C1401" s="10" t="s">
        <v>35</v>
      </c>
      <c r="D1401" s="10" t="s">
        <v>372</v>
      </c>
      <c r="E1401" s="10" t="s">
        <v>1064</v>
      </c>
      <c r="F1401" s="10" t="s">
        <v>1065</v>
      </c>
      <c r="G1401" s="10" t="s">
        <v>1066</v>
      </c>
      <c r="H1401" s="10" t="s">
        <v>1067</v>
      </c>
      <c r="I1401" s="11">
        <v>44573</v>
      </c>
    </row>
    <row r="1402" spans="1:9" x14ac:dyDescent="0.2">
      <c r="A1402" s="10">
        <v>2745</v>
      </c>
      <c r="B1402" s="10" t="s">
        <v>4387</v>
      </c>
      <c r="C1402" s="10" t="s">
        <v>4388</v>
      </c>
      <c r="D1402" s="10" t="s">
        <v>4389</v>
      </c>
      <c r="E1402" s="10" t="s">
        <v>4390</v>
      </c>
      <c r="F1402" s="10" t="s">
        <v>4391</v>
      </c>
      <c r="G1402" s="10" t="s">
        <v>4392</v>
      </c>
      <c r="H1402" s="10" t="s">
        <v>4393</v>
      </c>
      <c r="I1402" s="11">
        <v>44746</v>
      </c>
    </row>
    <row r="1403" spans="1:9" x14ac:dyDescent="0.2">
      <c r="A1403" s="10">
        <v>2642</v>
      </c>
      <c r="B1403" s="10" t="s">
        <v>3848</v>
      </c>
      <c r="C1403" s="10" t="s">
        <v>3849</v>
      </c>
      <c r="D1403" s="10" t="s">
        <v>3850</v>
      </c>
      <c r="E1403" s="10" t="s">
        <v>3851</v>
      </c>
      <c r="F1403" s="10" t="s">
        <v>3852</v>
      </c>
      <c r="G1403" s="10" t="s">
        <v>3853</v>
      </c>
      <c r="H1403" s="10" t="s">
        <v>3849</v>
      </c>
      <c r="I1403" s="11">
        <v>44585</v>
      </c>
    </row>
    <row r="1404" spans="1:9" x14ac:dyDescent="0.2">
      <c r="A1404" s="10">
        <v>2846</v>
      </c>
      <c r="B1404" s="10" t="s">
        <v>4951</v>
      </c>
      <c r="C1404" s="10" t="s">
        <v>4952</v>
      </c>
      <c r="D1404" s="10" t="s">
        <v>4953</v>
      </c>
      <c r="E1404" s="10" t="s">
        <v>4954</v>
      </c>
      <c r="F1404" s="10" t="s">
        <v>4955</v>
      </c>
      <c r="G1404" s="10" t="s">
        <v>4956</v>
      </c>
      <c r="H1404" s="10" t="s">
        <v>4957</v>
      </c>
      <c r="I1404" s="11">
        <v>44921</v>
      </c>
    </row>
    <row r="1405" spans="1:9" x14ac:dyDescent="0.2">
      <c r="A1405" s="10">
        <v>2220</v>
      </c>
      <c r="B1405" s="10" t="s">
        <v>2079</v>
      </c>
      <c r="C1405" s="10" t="s">
        <v>2080</v>
      </c>
      <c r="D1405" s="10" t="s">
        <v>2081</v>
      </c>
      <c r="E1405" s="10" t="s">
        <v>2082</v>
      </c>
      <c r="F1405" s="10" t="s">
        <v>2083</v>
      </c>
      <c r="G1405" s="10" t="s">
        <v>2084</v>
      </c>
      <c r="H1405" s="10" t="s">
        <v>2080</v>
      </c>
      <c r="I1405" s="11">
        <v>45753</v>
      </c>
    </row>
    <row r="1406" spans="1:9" x14ac:dyDescent="0.2">
      <c r="A1406" s="10">
        <v>2785</v>
      </c>
      <c r="B1406" s="10" t="s">
        <v>4618</v>
      </c>
      <c r="C1406" s="10" t="s">
        <v>35</v>
      </c>
      <c r="D1406" s="10" t="s">
        <v>2081</v>
      </c>
      <c r="E1406" s="10" t="s">
        <v>4619</v>
      </c>
      <c r="F1406" s="10" t="s">
        <v>4620</v>
      </c>
      <c r="G1406" s="10" t="s">
        <v>4621</v>
      </c>
      <c r="H1406" s="10" t="s">
        <v>4622</v>
      </c>
      <c r="I1406" s="11">
        <v>44816</v>
      </c>
    </row>
    <row r="1407" spans="1:9" x14ac:dyDescent="0.2">
      <c r="A1407" s="10">
        <v>1609</v>
      </c>
      <c r="B1407" s="10" t="s">
        <v>919</v>
      </c>
      <c r="C1407" s="10" t="s">
        <v>920</v>
      </c>
      <c r="D1407" s="10" t="s">
        <v>921</v>
      </c>
      <c r="E1407" s="10" t="s">
        <v>922</v>
      </c>
      <c r="F1407" s="10" t="s">
        <v>923</v>
      </c>
      <c r="G1407" s="10" t="s">
        <v>924</v>
      </c>
      <c r="H1407" s="10" t="s">
        <v>920</v>
      </c>
      <c r="I1407" s="11">
        <v>44388</v>
      </c>
    </row>
    <row r="1408" spans="1:9" x14ac:dyDescent="0.2">
      <c r="A1408" s="10">
        <v>3175</v>
      </c>
      <c r="B1408" s="10" t="s">
        <v>6765</v>
      </c>
      <c r="C1408" s="10" t="s">
        <v>6766</v>
      </c>
      <c r="D1408" s="10" t="s">
        <v>3901</v>
      </c>
      <c r="E1408" s="10" t="s">
        <v>6767</v>
      </c>
      <c r="F1408" s="10" t="s">
        <v>6768</v>
      </c>
      <c r="G1408" s="10" t="s">
        <v>6769</v>
      </c>
      <c r="H1408" s="10" t="s">
        <v>6770</v>
      </c>
      <c r="I1408" s="11">
        <v>45379</v>
      </c>
    </row>
    <row r="1409" spans="1:9" x14ac:dyDescent="0.2">
      <c r="A1409" s="10">
        <v>2771</v>
      </c>
      <c r="B1409" s="10" t="s">
        <v>4541</v>
      </c>
      <c r="C1409" s="10" t="s">
        <v>4542</v>
      </c>
      <c r="D1409" s="10" t="s">
        <v>4543</v>
      </c>
      <c r="E1409" s="10" t="s">
        <v>4544</v>
      </c>
      <c r="F1409" s="10" t="s">
        <v>4545</v>
      </c>
      <c r="G1409" s="10" t="s">
        <v>4546</v>
      </c>
      <c r="H1409" s="10" t="s">
        <v>4547</v>
      </c>
      <c r="I1409" s="11">
        <v>44791</v>
      </c>
    </row>
    <row r="1410" spans="1:9" x14ac:dyDescent="0.2">
      <c r="A1410" s="10">
        <v>2497</v>
      </c>
      <c r="B1410" s="10" t="s">
        <v>3088</v>
      </c>
      <c r="C1410" s="10" t="s">
        <v>3089</v>
      </c>
      <c r="D1410" s="10" t="s">
        <v>3090</v>
      </c>
      <c r="E1410" s="10" t="s">
        <v>3091</v>
      </c>
      <c r="F1410" s="10" t="s">
        <v>3092</v>
      </c>
      <c r="G1410" s="10" t="s">
        <v>3093</v>
      </c>
      <c r="H1410" s="10" t="s">
        <v>3094</v>
      </c>
      <c r="I1410" s="11">
        <v>44336</v>
      </c>
    </row>
    <row r="1411" spans="1:9" x14ac:dyDescent="0.2">
      <c r="A1411" s="10">
        <v>3132</v>
      </c>
      <c r="B1411" s="10" t="s">
        <v>6547</v>
      </c>
      <c r="C1411" s="10" t="s">
        <v>6548</v>
      </c>
      <c r="D1411" s="10" t="s">
        <v>1479</v>
      </c>
      <c r="E1411" s="10" t="s">
        <v>6549</v>
      </c>
      <c r="F1411" s="10" t="s">
        <v>6550</v>
      </c>
      <c r="G1411" s="10" t="s">
        <v>6551</v>
      </c>
      <c r="H1411" s="10" t="s">
        <v>6548</v>
      </c>
      <c r="I1411" s="11">
        <v>45337</v>
      </c>
    </row>
    <row r="1412" spans="1:9" x14ac:dyDescent="0.2">
      <c r="A1412" s="10">
        <v>1743</v>
      </c>
      <c r="B1412" s="10" t="s">
        <v>1184</v>
      </c>
      <c r="C1412" s="10" t="s">
        <v>1185</v>
      </c>
      <c r="D1412" s="10" t="s">
        <v>1186</v>
      </c>
      <c r="E1412" s="10" t="s">
        <v>1187</v>
      </c>
      <c r="F1412" s="10" t="s">
        <v>1188</v>
      </c>
      <c r="G1412" s="10" t="s">
        <v>1189</v>
      </c>
      <c r="H1412" s="10" t="s">
        <v>1185</v>
      </c>
      <c r="I1412" s="11">
        <v>44693</v>
      </c>
    </row>
    <row r="1413" spans="1:9" x14ac:dyDescent="0.2">
      <c r="A1413" s="10">
        <v>1853</v>
      </c>
      <c r="B1413" s="10" t="s">
        <v>1389</v>
      </c>
      <c r="C1413" s="10" t="s">
        <v>1390</v>
      </c>
      <c r="D1413" s="10" t="s">
        <v>1391</v>
      </c>
      <c r="E1413" s="10" t="s">
        <v>1392</v>
      </c>
      <c r="F1413" s="10" t="s">
        <v>1393</v>
      </c>
      <c r="G1413" s="10" t="s">
        <v>1394</v>
      </c>
      <c r="H1413" s="10" t="s">
        <v>1395</v>
      </c>
      <c r="I1413" s="11">
        <v>44962</v>
      </c>
    </row>
    <row r="1414" spans="1:9" x14ac:dyDescent="0.2">
      <c r="A1414" s="10">
        <v>3244</v>
      </c>
      <c r="B1414" s="10" t="s">
        <v>7144</v>
      </c>
      <c r="C1414" s="10" t="s">
        <v>7145</v>
      </c>
      <c r="D1414" s="10" t="s">
        <v>7146</v>
      </c>
      <c r="E1414" s="10" t="s">
        <v>7147</v>
      </c>
      <c r="F1414" s="10" t="s">
        <v>7148</v>
      </c>
      <c r="G1414" s="10" t="s">
        <v>7149</v>
      </c>
      <c r="H1414" s="10" t="s">
        <v>7150</v>
      </c>
      <c r="I1414" s="11">
        <v>45491</v>
      </c>
    </row>
    <row r="1415" spans="1:9" x14ac:dyDescent="0.2">
      <c r="A1415" s="13">
        <v>3441</v>
      </c>
      <c r="B1415" s="10" t="s">
        <v>8272</v>
      </c>
      <c r="C1415" s="10" t="s">
        <v>35</v>
      </c>
      <c r="D1415" s="10" t="s">
        <v>1833</v>
      </c>
      <c r="E1415" s="10" t="s">
        <v>8273</v>
      </c>
      <c r="F1415" s="10" t="s">
        <v>8274</v>
      </c>
      <c r="G1415" s="10" t="s">
        <v>8275</v>
      </c>
      <c r="H1415" s="10" t="s">
        <v>8276</v>
      </c>
      <c r="I1415" s="11">
        <v>45757</v>
      </c>
    </row>
    <row r="1416" spans="1:9" x14ac:dyDescent="0.2">
      <c r="A1416" s="13">
        <v>3540</v>
      </c>
      <c r="B1416" s="10" t="s">
        <v>8824</v>
      </c>
      <c r="C1416" s="10" t="s">
        <v>8825</v>
      </c>
      <c r="D1416" s="10" t="s">
        <v>8826</v>
      </c>
      <c r="E1416" s="10" t="s">
        <v>8827</v>
      </c>
      <c r="F1416" s="10" t="s">
        <v>8828</v>
      </c>
      <c r="G1416" s="10" t="s">
        <v>8829</v>
      </c>
      <c r="H1416" s="10" t="s">
        <v>8825</v>
      </c>
      <c r="I1416" s="11">
        <v>45897</v>
      </c>
    </row>
    <row r="1417" spans="1:9" x14ac:dyDescent="0.2">
      <c r="A1417" s="10">
        <v>3319</v>
      </c>
      <c r="B1417" s="10" t="s">
        <v>7569</v>
      </c>
      <c r="C1417" s="10" t="s">
        <v>7570</v>
      </c>
      <c r="D1417" s="10" t="s">
        <v>7571</v>
      </c>
      <c r="E1417" s="10" t="s">
        <v>7572</v>
      </c>
      <c r="F1417" s="10" t="s">
        <v>7573</v>
      </c>
      <c r="G1417" s="10" t="s">
        <v>7574</v>
      </c>
      <c r="H1417" s="10" t="s">
        <v>7575</v>
      </c>
      <c r="I1417" s="11">
        <v>45589</v>
      </c>
    </row>
    <row r="1418" spans="1:9" x14ac:dyDescent="0.2">
      <c r="A1418" s="10">
        <v>2595</v>
      </c>
      <c r="B1418" s="10" t="s">
        <v>3590</v>
      </c>
      <c r="C1418" s="10" t="s">
        <v>3591</v>
      </c>
      <c r="D1418" s="10" t="s">
        <v>3592</v>
      </c>
      <c r="E1418" s="10" t="s">
        <v>3593</v>
      </c>
      <c r="F1418" s="10" t="s">
        <v>3594</v>
      </c>
      <c r="G1418" s="10" t="s">
        <v>3595</v>
      </c>
      <c r="H1418" s="10" t="s">
        <v>3591</v>
      </c>
      <c r="I1418" s="11">
        <v>44529</v>
      </c>
    </row>
    <row r="1419" spans="1:9" x14ac:dyDescent="0.2">
      <c r="A1419" s="13">
        <v>3541</v>
      </c>
      <c r="B1419" s="10" t="s">
        <v>8830</v>
      </c>
      <c r="C1419" s="10" t="s">
        <v>8831</v>
      </c>
      <c r="D1419" s="10" t="s">
        <v>8832</v>
      </c>
      <c r="E1419" s="10" t="s">
        <v>8833</v>
      </c>
      <c r="F1419" s="10" t="s">
        <v>8834</v>
      </c>
      <c r="G1419" s="10" t="s">
        <v>8835</v>
      </c>
      <c r="H1419" s="10" t="s">
        <v>8831</v>
      </c>
      <c r="I1419" s="11">
        <v>45901</v>
      </c>
    </row>
    <row r="1420" spans="1:9" x14ac:dyDescent="0.2">
      <c r="A1420" s="10">
        <v>2582</v>
      </c>
      <c r="B1420" s="10" t="s">
        <v>3524</v>
      </c>
      <c r="C1420" s="10" t="s">
        <v>3525</v>
      </c>
      <c r="D1420" s="10" t="s">
        <v>3526</v>
      </c>
      <c r="E1420" s="10" t="s">
        <v>3527</v>
      </c>
      <c r="F1420" s="10" t="s">
        <v>3528</v>
      </c>
      <c r="G1420" s="10" t="s">
        <v>3529</v>
      </c>
      <c r="H1420" s="10" t="s">
        <v>3525</v>
      </c>
      <c r="I1420" s="11">
        <v>44515</v>
      </c>
    </row>
    <row r="1421" spans="1:9" x14ac:dyDescent="0.2">
      <c r="A1421" s="10">
        <v>3232</v>
      </c>
      <c r="B1421" s="10" t="s">
        <v>7079</v>
      </c>
      <c r="C1421" s="10" t="s">
        <v>7080</v>
      </c>
      <c r="D1421" s="10" t="s">
        <v>7081</v>
      </c>
      <c r="E1421" s="10" t="s">
        <v>7082</v>
      </c>
      <c r="F1421" s="10" t="s">
        <v>7083</v>
      </c>
      <c r="G1421" s="10" t="s">
        <v>7084</v>
      </c>
      <c r="H1421" s="10" t="s">
        <v>7080</v>
      </c>
      <c r="I1421" s="11">
        <v>45467</v>
      </c>
    </row>
    <row r="1422" spans="1:9" x14ac:dyDescent="0.2">
      <c r="A1422" s="13">
        <v>3420</v>
      </c>
      <c r="B1422" s="10" t="s">
        <v>8155</v>
      </c>
      <c r="C1422" s="10" t="s">
        <v>8156</v>
      </c>
      <c r="D1422" s="10" t="s">
        <v>8157</v>
      </c>
      <c r="E1422" s="10" t="s">
        <v>8158</v>
      </c>
      <c r="F1422" s="10" t="s">
        <v>8159</v>
      </c>
      <c r="G1422" s="10" t="s">
        <v>8160</v>
      </c>
      <c r="H1422" s="10" t="s">
        <v>8156</v>
      </c>
      <c r="I1422" s="11">
        <v>45722</v>
      </c>
    </row>
    <row r="1423" spans="1:9" x14ac:dyDescent="0.2">
      <c r="A1423" s="10">
        <v>2923</v>
      </c>
      <c r="B1423" s="10" t="s">
        <v>5393</v>
      </c>
      <c r="C1423" s="10" t="s">
        <v>5394</v>
      </c>
      <c r="D1423" s="10" t="s">
        <v>5395</v>
      </c>
      <c r="E1423" s="10" t="s">
        <v>5396</v>
      </c>
      <c r="F1423" s="10" t="s">
        <v>5397</v>
      </c>
      <c r="G1423" s="10" t="s">
        <v>5398</v>
      </c>
      <c r="H1423" s="10" t="s">
        <v>5394</v>
      </c>
      <c r="I1423" s="11">
        <v>45068</v>
      </c>
    </row>
    <row r="1424" spans="1:9" x14ac:dyDescent="0.2">
      <c r="A1424" s="10">
        <v>3070</v>
      </c>
      <c r="B1424" s="10" t="s">
        <v>6197</v>
      </c>
      <c r="C1424" s="10" t="s">
        <v>6198</v>
      </c>
      <c r="D1424" s="10" t="s">
        <v>4334</v>
      </c>
      <c r="E1424" s="10" t="s">
        <v>6199</v>
      </c>
      <c r="F1424" s="10" t="s">
        <v>6200</v>
      </c>
      <c r="G1424" s="10" t="s">
        <v>6201</v>
      </c>
      <c r="H1424" s="10" t="s">
        <v>6198</v>
      </c>
      <c r="I1424" s="11">
        <v>45264</v>
      </c>
    </row>
    <row r="1425" spans="1:9" x14ac:dyDescent="0.2">
      <c r="A1425" s="14">
        <v>3570</v>
      </c>
      <c r="B1425" s="15" t="s">
        <v>9002</v>
      </c>
      <c r="C1425" s="10" t="s">
        <v>9003</v>
      </c>
      <c r="D1425" s="15" t="s">
        <v>3981</v>
      </c>
      <c r="E1425" s="10" t="s">
        <v>9004</v>
      </c>
      <c r="F1425" s="10" t="s">
        <v>9005</v>
      </c>
      <c r="G1425" s="10" t="s">
        <v>9006</v>
      </c>
      <c r="H1425" s="10" t="s">
        <v>9003</v>
      </c>
      <c r="I1425" s="11">
        <v>45932</v>
      </c>
    </row>
    <row r="1426" spans="1:9" x14ac:dyDescent="0.2">
      <c r="A1426" s="10">
        <v>3339</v>
      </c>
      <c r="B1426" s="10" t="s">
        <v>7688</v>
      </c>
      <c r="C1426" s="10" t="s">
        <v>7689</v>
      </c>
      <c r="D1426" s="10" t="s">
        <v>7690</v>
      </c>
      <c r="E1426" s="10" t="s">
        <v>7691</v>
      </c>
      <c r="F1426" s="10" t="s">
        <v>7692</v>
      </c>
      <c r="G1426" s="10" t="s">
        <v>7693</v>
      </c>
      <c r="H1426" s="10" t="s">
        <v>7689</v>
      </c>
      <c r="I1426" s="11">
        <v>45610</v>
      </c>
    </row>
    <row r="1427" spans="1:9" x14ac:dyDescent="0.2">
      <c r="A1427" s="10">
        <v>2656</v>
      </c>
      <c r="B1427" s="10" t="s">
        <v>3925</v>
      </c>
      <c r="C1427" s="10" t="s">
        <v>3926</v>
      </c>
      <c r="D1427" s="10" t="s">
        <v>3927</v>
      </c>
      <c r="E1427" s="10" t="s">
        <v>3928</v>
      </c>
      <c r="F1427" s="10" t="s">
        <v>3929</v>
      </c>
      <c r="G1427" s="10" t="s">
        <v>3930</v>
      </c>
      <c r="H1427" s="10" t="s">
        <v>3931</v>
      </c>
      <c r="I1427" s="11">
        <v>44634</v>
      </c>
    </row>
    <row r="1428" spans="1:9" x14ac:dyDescent="0.2">
      <c r="A1428" s="10">
        <v>3112</v>
      </c>
      <c r="B1428" s="10" t="s">
        <v>6447</v>
      </c>
      <c r="C1428" s="10" t="s">
        <v>6448</v>
      </c>
      <c r="D1428" s="10" t="s">
        <v>6449</v>
      </c>
      <c r="E1428" s="10" t="s">
        <v>6450</v>
      </c>
      <c r="F1428" s="10" t="s">
        <v>6451</v>
      </c>
      <c r="G1428" s="10" t="s">
        <v>6452</v>
      </c>
      <c r="H1428" s="10" t="s">
        <v>6453</v>
      </c>
      <c r="I1428" s="11">
        <v>45309</v>
      </c>
    </row>
    <row r="1429" spans="1:9" x14ac:dyDescent="0.2">
      <c r="A1429" s="10">
        <v>2700</v>
      </c>
      <c r="B1429" s="10" t="s">
        <v>4156</v>
      </c>
      <c r="C1429" s="10" t="s">
        <v>4157</v>
      </c>
      <c r="D1429" s="10" t="s">
        <v>3844</v>
      </c>
      <c r="E1429" s="10" t="s">
        <v>4158</v>
      </c>
      <c r="F1429" s="10" t="s">
        <v>4159</v>
      </c>
      <c r="G1429" s="10" t="s">
        <v>4160</v>
      </c>
      <c r="H1429" s="10" t="s">
        <v>4157</v>
      </c>
      <c r="I1429" s="11">
        <v>44700</v>
      </c>
    </row>
    <row r="1430" spans="1:9" x14ac:dyDescent="0.2">
      <c r="A1430" s="10">
        <v>3069</v>
      </c>
      <c r="B1430" s="10" t="s">
        <v>6192</v>
      </c>
      <c r="C1430" s="10" t="s">
        <v>6193</v>
      </c>
      <c r="D1430" s="10" t="s">
        <v>1936</v>
      </c>
      <c r="E1430" s="10" t="s">
        <v>6194</v>
      </c>
      <c r="F1430" s="10" t="s">
        <v>6195</v>
      </c>
      <c r="G1430" s="10" t="s">
        <v>6196</v>
      </c>
      <c r="H1430" s="10" t="s">
        <v>6193</v>
      </c>
      <c r="I1430" s="11">
        <v>45264</v>
      </c>
    </row>
    <row r="1431" spans="1:9" x14ac:dyDescent="0.2">
      <c r="A1431" s="10">
        <v>1571</v>
      </c>
      <c r="B1431" s="10" t="s">
        <v>870</v>
      </c>
      <c r="C1431" s="10" t="s">
        <v>871</v>
      </c>
      <c r="D1431" s="10" t="s">
        <v>872</v>
      </c>
      <c r="E1431" s="10" t="s">
        <v>873</v>
      </c>
      <c r="F1431" s="10" t="s">
        <v>874</v>
      </c>
      <c r="G1431" s="10" t="s">
        <v>875</v>
      </c>
      <c r="H1431" s="10" t="s">
        <v>871</v>
      </c>
      <c r="I1431" s="11">
        <v>44322</v>
      </c>
    </row>
    <row r="1432" spans="1:9" x14ac:dyDescent="0.2">
      <c r="A1432" s="10">
        <v>2803</v>
      </c>
      <c r="B1432" s="10" t="s">
        <v>4726</v>
      </c>
      <c r="C1432" s="10" t="s">
        <v>4727</v>
      </c>
      <c r="D1432" s="10" t="s">
        <v>4728</v>
      </c>
      <c r="E1432" s="10" t="s">
        <v>4729</v>
      </c>
      <c r="F1432" s="10" t="s">
        <v>4730</v>
      </c>
      <c r="G1432" s="10" t="s">
        <v>4731</v>
      </c>
      <c r="H1432" s="10" t="s">
        <v>4732</v>
      </c>
      <c r="I1432" s="11">
        <v>44845</v>
      </c>
    </row>
    <row r="1433" spans="1:9" x14ac:dyDescent="0.2">
      <c r="A1433" s="10">
        <v>1712</v>
      </c>
      <c r="B1433" s="10" t="s">
        <v>1111</v>
      </c>
      <c r="C1433" s="10" t="s">
        <v>1112</v>
      </c>
      <c r="D1433" s="10" t="s">
        <v>1113</v>
      </c>
      <c r="E1433" s="10" t="s">
        <v>1114</v>
      </c>
      <c r="F1433" s="10" t="s">
        <v>1115</v>
      </c>
      <c r="G1433" s="10" t="s">
        <v>1116</v>
      </c>
      <c r="H1433" s="10" t="s">
        <v>1112</v>
      </c>
      <c r="I1433" s="11">
        <v>44641</v>
      </c>
    </row>
    <row r="1434" spans="1:9" x14ac:dyDescent="0.2">
      <c r="A1434" s="10">
        <v>2476</v>
      </c>
      <c r="B1434" s="10" t="s">
        <v>2966</v>
      </c>
      <c r="C1434" s="10" t="s">
        <v>35</v>
      </c>
      <c r="D1434" s="10" t="s">
        <v>2967</v>
      </c>
      <c r="E1434" s="10" t="s">
        <v>2968</v>
      </c>
      <c r="F1434" s="10" t="s">
        <v>2969</v>
      </c>
      <c r="G1434" s="10" t="s">
        <v>2970</v>
      </c>
      <c r="H1434" s="10" t="s">
        <v>2971</v>
      </c>
      <c r="I1434" s="11">
        <v>44312</v>
      </c>
    </row>
    <row r="1435" spans="1:9" x14ac:dyDescent="0.2">
      <c r="A1435" s="10">
        <v>2446</v>
      </c>
      <c r="B1435" s="10" t="s">
        <v>2817</v>
      </c>
      <c r="C1435" s="10" t="s">
        <v>2818</v>
      </c>
      <c r="D1435" s="10" t="s">
        <v>2819</v>
      </c>
      <c r="E1435" s="10" t="s">
        <v>2820</v>
      </c>
      <c r="F1435" s="10" t="s">
        <v>2821</v>
      </c>
      <c r="G1435" s="10" t="s">
        <v>2822</v>
      </c>
      <c r="H1435" s="10" t="s">
        <v>2823</v>
      </c>
      <c r="I1435" s="11">
        <v>44284</v>
      </c>
    </row>
    <row r="1436" spans="1:9" x14ac:dyDescent="0.2">
      <c r="A1436" s="10">
        <v>3352</v>
      </c>
      <c r="B1436" s="10" t="s">
        <v>7765</v>
      </c>
      <c r="C1436" s="10" t="s">
        <v>7766</v>
      </c>
      <c r="D1436" s="10" t="s">
        <v>7767</v>
      </c>
      <c r="E1436" s="10" t="s">
        <v>7768</v>
      </c>
      <c r="F1436" s="10" t="s">
        <v>7769</v>
      </c>
      <c r="G1436" s="10" t="s">
        <v>7770</v>
      </c>
      <c r="H1436" s="10" t="s">
        <v>7766</v>
      </c>
      <c r="I1436" s="12">
        <v>45628</v>
      </c>
    </row>
    <row r="1437" spans="1:9" x14ac:dyDescent="0.2">
      <c r="A1437" s="10">
        <v>2488</v>
      </c>
      <c r="B1437" s="10" t="s">
        <v>3040</v>
      </c>
      <c r="C1437" s="10" t="s">
        <v>3041</v>
      </c>
      <c r="D1437" s="10" t="s">
        <v>1574</v>
      </c>
      <c r="E1437" s="10" t="s">
        <v>3042</v>
      </c>
      <c r="F1437" s="10" t="s">
        <v>3043</v>
      </c>
      <c r="G1437" s="10" t="s">
        <v>3044</v>
      </c>
      <c r="H1437" s="10" t="s">
        <v>3041</v>
      </c>
      <c r="I1437" s="11">
        <v>44336</v>
      </c>
    </row>
    <row r="1438" spans="1:9" x14ac:dyDescent="0.2">
      <c r="A1438" s="10">
        <v>3013</v>
      </c>
      <c r="B1438" s="10" t="s">
        <v>5893</v>
      </c>
      <c r="C1438" s="10" t="s">
        <v>5894</v>
      </c>
      <c r="D1438" s="10" t="s">
        <v>3515</v>
      </c>
      <c r="E1438" s="10" t="s">
        <v>5895</v>
      </c>
      <c r="F1438" s="10" t="s">
        <v>5896</v>
      </c>
      <c r="G1438" s="10" t="s">
        <v>5897</v>
      </c>
      <c r="H1438" s="10" t="s">
        <v>5894</v>
      </c>
      <c r="I1438" s="11">
        <v>45197</v>
      </c>
    </row>
    <row r="1439" spans="1:9" x14ac:dyDescent="0.2">
      <c r="A1439" s="10">
        <v>3215</v>
      </c>
      <c r="B1439" s="10" t="s">
        <v>6980</v>
      </c>
      <c r="C1439" s="10" t="s">
        <v>6981</v>
      </c>
      <c r="D1439" s="10" t="s">
        <v>3223</v>
      </c>
      <c r="E1439" s="10" t="s">
        <v>6982</v>
      </c>
      <c r="F1439" s="10" t="s">
        <v>6983</v>
      </c>
      <c r="G1439" s="10" t="s">
        <v>6984</v>
      </c>
      <c r="H1439" s="10" t="s">
        <v>6985</v>
      </c>
      <c r="I1439" s="11">
        <v>45442</v>
      </c>
    </row>
    <row r="1440" spans="1:9" x14ac:dyDescent="0.2">
      <c r="A1440" s="10">
        <v>477</v>
      </c>
      <c r="B1440" s="10" t="s">
        <v>175</v>
      </c>
      <c r="C1440" s="10" t="s">
        <v>176</v>
      </c>
      <c r="D1440" s="10" t="s">
        <v>177</v>
      </c>
      <c r="E1440" s="10" t="s">
        <v>178</v>
      </c>
      <c r="F1440" s="10" t="s">
        <v>179</v>
      </c>
      <c r="G1440" s="10" t="s">
        <v>180</v>
      </c>
      <c r="H1440" s="10" t="s">
        <v>176</v>
      </c>
      <c r="I1440" s="11">
        <v>45691</v>
      </c>
    </row>
    <row r="1441" spans="1:9" x14ac:dyDescent="0.2">
      <c r="A1441" s="10">
        <v>2643</v>
      </c>
      <c r="B1441" s="10" t="s">
        <v>3854</v>
      </c>
      <c r="C1441" s="10" t="s">
        <v>3855</v>
      </c>
      <c r="D1441" s="10" t="s">
        <v>212</v>
      </c>
      <c r="E1441" s="10" t="s">
        <v>3856</v>
      </c>
      <c r="F1441" s="10" t="s">
        <v>3857</v>
      </c>
      <c r="G1441" s="10" t="s">
        <v>3858</v>
      </c>
      <c r="H1441" s="10" t="s">
        <v>3855</v>
      </c>
      <c r="I1441" s="11">
        <v>44592</v>
      </c>
    </row>
    <row r="1442" spans="1:9" x14ac:dyDescent="0.2">
      <c r="A1442" s="10">
        <v>2811</v>
      </c>
      <c r="B1442" s="10" t="s">
        <v>4768</v>
      </c>
      <c r="C1442" s="10" t="s">
        <v>4769</v>
      </c>
      <c r="D1442" s="10" t="s">
        <v>3673</v>
      </c>
      <c r="E1442" s="10" t="s">
        <v>4770</v>
      </c>
      <c r="F1442" s="10" t="s">
        <v>4771</v>
      </c>
      <c r="G1442" s="10" t="s">
        <v>4772</v>
      </c>
      <c r="H1442" s="10" t="s">
        <v>4769</v>
      </c>
      <c r="I1442" s="11">
        <v>44861</v>
      </c>
    </row>
    <row r="1443" spans="1:9" x14ac:dyDescent="0.2">
      <c r="A1443" s="10">
        <v>2376</v>
      </c>
      <c r="B1443" s="10" t="s">
        <v>2448</v>
      </c>
      <c r="C1443" s="10" t="s">
        <v>2449</v>
      </c>
      <c r="D1443" s="10" t="s">
        <v>2450</v>
      </c>
      <c r="E1443" s="10" t="s">
        <v>2451</v>
      </c>
      <c r="F1443" s="10" t="s">
        <v>2452</v>
      </c>
      <c r="G1443" s="10" t="s">
        <v>2453</v>
      </c>
      <c r="H1443" s="10" t="s">
        <v>2454</v>
      </c>
      <c r="I1443" s="11">
        <v>44203</v>
      </c>
    </row>
    <row r="1444" spans="1:9" x14ac:dyDescent="0.2">
      <c r="A1444" s="10">
        <v>2143</v>
      </c>
      <c r="B1444" s="10" t="s">
        <v>1934</v>
      </c>
      <c r="C1444" s="10" t="s">
        <v>1935</v>
      </c>
      <c r="D1444" s="10" t="s">
        <v>1936</v>
      </c>
      <c r="E1444" s="10" t="s">
        <v>1937</v>
      </c>
      <c r="F1444" s="10" t="s">
        <v>1938</v>
      </c>
      <c r="G1444" s="10" t="s">
        <v>1939</v>
      </c>
      <c r="H1444" s="10" t="s">
        <v>1935</v>
      </c>
      <c r="I1444" s="11">
        <v>45586</v>
      </c>
    </row>
    <row r="1445" spans="1:9" x14ac:dyDescent="0.2">
      <c r="A1445" s="10">
        <v>2864</v>
      </c>
      <c r="B1445" s="10" t="s">
        <v>5056</v>
      </c>
      <c r="C1445" s="10" t="s">
        <v>5057</v>
      </c>
      <c r="D1445" s="10" t="s">
        <v>5058</v>
      </c>
      <c r="E1445" s="10" t="s">
        <v>5059</v>
      </c>
      <c r="F1445" s="10" t="s">
        <v>5060</v>
      </c>
      <c r="G1445" s="10" t="s">
        <v>5061</v>
      </c>
      <c r="H1445" s="10" t="s">
        <v>5057</v>
      </c>
      <c r="I1445" s="11">
        <v>44973</v>
      </c>
    </row>
    <row r="1446" spans="1:9" x14ac:dyDescent="0.2">
      <c r="A1446" s="10">
        <v>1242</v>
      </c>
      <c r="B1446" s="10" t="s">
        <v>572</v>
      </c>
      <c r="C1446" s="10" t="s">
        <v>35</v>
      </c>
      <c r="D1446" s="10" t="s">
        <v>573</v>
      </c>
      <c r="E1446" s="10" t="s">
        <v>574</v>
      </c>
      <c r="F1446" s="10" t="s">
        <v>575</v>
      </c>
      <c r="G1446" s="10" t="s">
        <v>576</v>
      </c>
      <c r="H1446" s="10" t="s">
        <v>577</v>
      </c>
      <c r="I1446" s="11">
        <v>45235</v>
      </c>
    </row>
    <row r="1447" spans="1:9" x14ac:dyDescent="0.2">
      <c r="A1447" s="10">
        <v>2843</v>
      </c>
      <c r="B1447" s="10" t="s">
        <v>4933</v>
      </c>
      <c r="C1447" s="10" t="s">
        <v>4934</v>
      </c>
      <c r="D1447" s="10" t="s">
        <v>465</v>
      </c>
      <c r="E1447" s="10" t="s">
        <v>4935</v>
      </c>
      <c r="F1447" s="10" t="s">
        <v>4936</v>
      </c>
      <c r="G1447" s="10" t="s">
        <v>4937</v>
      </c>
      <c r="H1447" s="10" t="s">
        <v>4934</v>
      </c>
      <c r="I1447" s="11">
        <v>44914</v>
      </c>
    </row>
    <row r="1448" spans="1:9" x14ac:dyDescent="0.2">
      <c r="A1448" s="10">
        <v>2863</v>
      </c>
      <c r="B1448" s="10" t="s">
        <v>5049</v>
      </c>
      <c r="C1448" s="10" t="s">
        <v>5050</v>
      </c>
      <c r="D1448" s="10" t="s">
        <v>5051</v>
      </c>
      <c r="E1448" s="10" t="s">
        <v>5052</v>
      </c>
      <c r="F1448" s="10" t="s">
        <v>5053</v>
      </c>
      <c r="G1448" s="10" t="s">
        <v>5054</v>
      </c>
      <c r="H1448" s="10" t="s">
        <v>5055</v>
      </c>
      <c r="I1448" s="11">
        <v>44973</v>
      </c>
    </row>
    <row r="1449" spans="1:9" x14ac:dyDescent="0.2">
      <c r="A1449" s="10">
        <v>2680</v>
      </c>
      <c r="B1449" s="10" t="s">
        <v>4043</v>
      </c>
      <c r="C1449" s="10" t="s">
        <v>4044</v>
      </c>
      <c r="D1449" s="10" t="s">
        <v>4045</v>
      </c>
      <c r="E1449" s="10" t="s">
        <v>4046</v>
      </c>
      <c r="F1449" s="10" t="s">
        <v>4047</v>
      </c>
      <c r="G1449" s="10" t="s">
        <v>4048</v>
      </c>
      <c r="H1449" s="10" t="s">
        <v>4049</v>
      </c>
      <c r="I1449" s="11">
        <v>44658</v>
      </c>
    </row>
    <row r="1450" spans="1:9" x14ac:dyDescent="0.2">
      <c r="A1450" s="10">
        <v>2980</v>
      </c>
      <c r="B1450" s="10" t="s">
        <v>5698</v>
      </c>
      <c r="C1450" s="10" t="s">
        <v>5699</v>
      </c>
      <c r="D1450" s="10" t="s">
        <v>5700</v>
      </c>
      <c r="E1450" s="10" t="s">
        <v>5701</v>
      </c>
      <c r="F1450" s="10" t="s">
        <v>5702</v>
      </c>
      <c r="G1450" s="10" t="s">
        <v>5703</v>
      </c>
      <c r="H1450" s="10" t="s">
        <v>5704</v>
      </c>
      <c r="I1450" s="11">
        <v>45127</v>
      </c>
    </row>
    <row r="1451" spans="1:9" x14ac:dyDescent="0.2">
      <c r="A1451" s="10">
        <v>2635</v>
      </c>
      <c r="B1451" s="10" t="s">
        <v>3812</v>
      </c>
      <c r="C1451" s="10" t="s">
        <v>3813</v>
      </c>
      <c r="D1451" s="10" t="s">
        <v>3814</v>
      </c>
      <c r="E1451" s="10" t="s">
        <v>3815</v>
      </c>
      <c r="F1451" s="10" t="s">
        <v>3816</v>
      </c>
      <c r="G1451" s="10" t="s">
        <v>3817</v>
      </c>
      <c r="H1451" s="10" t="s">
        <v>3813</v>
      </c>
      <c r="I1451" s="11">
        <v>44588</v>
      </c>
    </row>
    <row r="1452" spans="1:9" x14ac:dyDescent="0.2">
      <c r="A1452" s="10">
        <v>2681</v>
      </c>
      <c r="B1452" s="10" t="s">
        <v>4050</v>
      </c>
      <c r="C1452" s="10" t="s">
        <v>4051</v>
      </c>
      <c r="D1452" s="10" t="s">
        <v>4052</v>
      </c>
      <c r="E1452" s="10" t="s">
        <v>4053</v>
      </c>
      <c r="F1452" s="10" t="s">
        <v>4054</v>
      </c>
      <c r="G1452" s="10" t="s">
        <v>4055</v>
      </c>
      <c r="H1452" s="10" t="s">
        <v>4056</v>
      </c>
      <c r="I1452" s="11">
        <v>44669</v>
      </c>
    </row>
    <row r="1453" spans="1:9" x14ac:dyDescent="0.2">
      <c r="A1453" s="10">
        <v>3330</v>
      </c>
      <c r="B1453" s="10" t="s">
        <v>7634</v>
      </c>
      <c r="C1453" s="10" t="s">
        <v>7635</v>
      </c>
      <c r="D1453" s="10" t="s">
        <v>7636</v>
      </c>
      <c r="E1453" s="10" t="s">
        <v>7637</v>
      </c>
      <c r="F1453" s="10" t="s">
        <v>7638</v>
      </c>
      <c r="G1453" s="10" t="s">
        <v>7639</v>
      </c>
      <c r="H1453" s="10" t="s">
        <v>7635</v>
      </c>
      <c r="I1453" s="11">
        <v>45617</v>
      </c>
    </row>
    <row r="1454" spans="1:9" x14ac:dyDescent="0.2">
      <c r="A1454" s="10">
        <v>2030</v>
      </c>
      <c r="B1454" s="10" t="s">
        <v>1720</v>
      </c>
      <c r="C1454" s="10" t="s">
        <v>1721</v>
      </c>
      <c r="D1454" s="10" t="s">
        <v>1722</v>
      </c>
      <c r="E1454" s="10" t="s">
        <v>1723</v>
      </c>
      <c r="F1454" s="10" t="s">
        <v>1724</v>
      </c>
      <c r="G1454" s="10" t="s">
        <v>1725</v>
      </c>
      <c r="H1454" s="10" t="s">
        <v>1726</v>
      </c>
      <c r="I1454" s="11">
        <v>45390</v>
      </c>
    </row>
    <row r="1455" spans="1:9" x14ac:dyDescent="0.2">
      <c r="A1455" s="10">
        <v>3153</v>
      </c>
      <c r="B1455" s="10" t="s">
        <v>6660</v>
      </c>
      <c r="C1455" s="10" t="s">
        <v>6661</v>
      </c>
      <c r="D1455" s="10" t="s">
        <v>1574</v>
      </c>
      <c r="E1455" s="10" t="s">
        <v>6662</v>
      </c>
      <c r="F1455" s="10" t="s">
        <v>6663</v>
      </c>
      <c r="G1455" s="10" t="s">
        <v>6664</v>
      </c>
      <c r="H1455" s="10" t="s">
        <v>6665</v>
      </c>
      <c r="I1455" s="11">
        <v>45362</v>
      </c>
    </row>
    <row r="1456" spans="1:9" x14ac:dyDescent="0.2">
      <c r="A1456" s="14">
        <v>3580</v>
      </c>
      <c r="B1456" s="15" t="s">
        <v>9053</v>
      </c>
      <c r="C1456" s="10" t="s">
        <v>35</v>
      </c>
      <c r="D1456" s="15" t="s">
        <v>1226</v>
      </c>
      <c r="E1456" s="10" t="s">
        <v>9054</v>
      </c>
      <c r="F1456" s="10" t="s">
        <v>9055</v>
      </c>
      <c r="G1456" s="10" t="s">
        <v>9056</v>
      </c>
      <c r="H1456" s="10" t="s">
        <v>9057</v>
      </c>
      <c r="I1456" s="11">
        <v>45965</v>
      </c>
    </row>
    <row r="1457" spans="1:9" x14ac:dyDescent="0.2">
      <c r="A1457" s="10">
        <v>2469</v>
      </c>
      <c r="B1457" s="10" t="s">
        <v>2942</v>
      </c>
      <c r="C1457" s="10" t="s">
        <v>2943</v>
      </c>
      <c r="D1457" s="10" t="s">
        <v>2944</v>
      </c>
      <c r="E1457" s="10" t="s">
        <v>2945</v>
      </c>
      <c r="F1457" s="10" t="s">
        <v>2946</v>
      </c>
      <c r="G1457" s="10" t="s">
        <v>2947</v>
      </c>
      <c r="H1457" s="10" t="s">
        <v>2943</v>
      </c>
      <c r="I1457" s="11">
        <v>44305</v>
      </c>
    </row>
    <row r="1458" spans="1:9" x14ac:dyDescent="0.2">
      <c r="A1458" s="10">
        <v>2457</v>
      </c>
      <c r="B1458" s="10" t="s">
        <v>2872</v>
      </c>
      <c r="C1458" s="10" t="s">
        <v>2873</v>
      </c>
      <c r="D1458" s="10" t="s">
        <v>2874</v>
      </c>
      <c r="E1458" s="10" t="s">
        <v>2875</v>
      </c>
      <c r="F1458" s="10" t="s">
        <v>2876</v>
      </c>
      <c r="G1458" s="10" t="s">
        <v>2877</v>
      </c>
      <c r="H1458" s="10" t="s">
        <v>2873</v>
      </c>
      <c r="I1458" s="11">
        <v>44298</v>
      </c>
    </row>
    <row r="1459" spans="1:9" x14ac:dyDescent="0.2">
      <c r="A1459" s="10">
        <v>3382</v>
      </c>
      <c r="B1459" s="10" t="s">
        <v>7938</v>
      </c>
      <c r="C1459" s="10" t="s">
        <v>7939</v>
      </c>
      <c r="D1459" s="10" t="s">
        <v>7940</v>
      </c>
      <c r="E1459" s="10" t="s">
        <v>7941</v>
      </c>
      <c r="F1459" s="10" t="s">
        <v>7942</v>
      </c>
      <c r="G1459" s="10" t="s">
        <v>7943</v>
      </c>
      <c r="H1459" s="10" t="s">
        <v>7939</v>
      </c>
      <c r="I1459" s="11">
        <v>45673</v>
      </c>
    </row>
    <row r="1460" spans="1:9" x14ac:dyDescent="0.2">
      <c r="A1460" s="10">
        <v>2696</v>
      </c>
      <c r="B1460" s="10" t="s">
        <v>4132</v>
      </c>
      <c r="C1460" s="10" t="s">
        <v>4133</v>
      </c>
      <c r="D1460" s="10" t="s">
        <v>4134</v>
      </c>
      <c r="E1460" s="10" t="s">
        <v>4135</v>
      </c>
      <c r="F1460" s="10" t="s">
        <v>4136</v>
      </c>
      <c r="G1460" s="10" t="s">
        <v>4137</v>
      </c>
      <c r="H1460" s="10" t="s">
        <v>4133</v>
      </c>
      <c r="I1460" s="11">
        <v>44697</v>
      </c>
    </row>
    <row r="1461" spans="1:9" x14ac:dyDescent="0.2">
      <c r="A1461" s="10">
        <v>1131</v>
      </c>
      <c r="B1461" s="10" t="s">
        <v>456</v>
      </c>
      <c r="C1461" s="10" t="s">
        <v>457</v>
      </c>
      <c r="D1461" s="10" t="s">
        <v>458</v>
      </c>
      <c r="E1461" s="10" t="s">
        <v>459</v>
      </c>
      <c r="F1461" s="10" t="s">
        <v>460</v>
      </c>
      <c r="G1461" s="10" t="s">
        <v>461</v>
      </c>
      <c r="H1461" s="10" t="s">
        <v>462</v>
      </c>
      <c r="I1461" s="11">
        <v>44877</v>
      </c>
    </row>
    <row r="1462" spans="1:9" x14ac:dyDescent="0.2">
      <c r="A1462" s="10">
        <v>2139</v>
      </c>
      <c r="B1462" s="10" t="s">
        <v>1916</v>
      </c>
      <c r="C1462" s="10" t="s">
        <v>1917</v>
      </c>
      <c r="D1462" s="10" t="s">
        <v>1918</v>
      </c>
      <c r="E1462" s="10" t="s">
        <v>1919</v>
      </c>
      <c r="F1462" s="10" t="s">
        <v>1920</v>
      </c>
      <c r="G1462" s="10" t="s">
        <v>1921</v>
      </c>
      <c r="H1462" s="10" t="s">
        <v>1917</v>
      </c>
      <c r="I1462" s="11">
        <v>45572</v>
      </c>
    </row>
    <row r="1463" spans="1:9" x14ac:dyDescent="0.2">
      <c r="A1463" s="10">
        <v>3125</v>
      </c>
      <c r="B1463" s="10" t="s">
        <v>6509</v>
      </c>
      <c r="C1463" s="10" t="s">
        <v>6510</v>
      </c>
      <c r="D1463" s="10" t="s">
        <v>6511</v>
      </c>
      <c r="E1463" s="10" t="s">
        <v>6512</v>
      </c>
      <c r="F1463" s="10" t="s">
        <v>6513</v>
      </c>
      <c r="G1463" s="10" t="s">
        <v>6514</v>
      </c>
      <c r="H1463" s="10" t="s">
        <v>6515</v>
      </c>
      <c r="I1463" s="11">
        <v>45323</v>
      </c>
    </row>
    <row r="1464" spans="1:9" x14ac:dyDescent="0.2">
      <c r="A1464" s="10">
        <v>3082</v>
      </c>
      <c r="B1464" s="10" t="s">
        <v>6267</v>
      </c>
      <c r="C1464" s="10" t="s">
        <v>6268</v>
      </c>
      <c r="D1464" s="10" t="s">
        <v>6269</v>
      </c>
      <c r="E1464" s="10" t="s">
        <v>6270</v>
      </c>
      <c r="F1464" s="10" t="s">
        <v>6271</v>
      </c>
      <c r="G1464" s="10" t="s">
        <v>6272</v>
      </c>
      <c r="H1464" s="10" t="s">
        <v>6273</v>
      </c>
      <c r="I1464" s="11">
        <v>45274</v>
      </c>
    </row>
    <row r="1465" spans="1:9" x14ac:dyDescent="0.2">
      <c r="A1465" s="10">
        <v>2440</v>
      </c>
      <c r="B1465" s="10" t="s">
        <v>2783</v>
      </c>
      <c r="C1465" s="10" t="s">
        <v>35</v>
      </c>
      <c r="D1465" s="10" t="s">
        <v>2784</v>
      </c>
      <c r="E1465" s="10" t="s">
        <v>2785</v>
      </c>
      <c r="F1465" s="10" t="s">
        <v>2786</v>
      </c>
      <c r="G1465" s="10" t="s">
        <v>2787</v>
      </c>
      <c r="H1465" s="10" t="s">
        <v>2788</v>
      </c>
      <c r="I1465" s="11">
        <v>44284</v>
      </c>
    </row>
    <row r="1466" spans="1:9" x14ac:dyDescent="0.2">
      <c r="A1466" s="14">
        <v>3554</v>
      </c>
      <c r="B1466" s="15" t="s">
        <v>8905</v>
      </c>
      <c r="C1466" s="10" t="s">
        <v>8906</v>
      </c>
      <c r="D1466" s="15" t="s">
        <v>8907</v>
      </c>
      <c r="E1466" s="10" t="s">
        <v>8908</v>
      </c>
      <c r="F1466" s="10" t="s">
        <v>8909</v>
      </c>
      <c r="G1466" s="10" t="s">
        <v>8910</v>
      </c>
      <c r="H1466" s="10" t="s">
        <v>8911</v>
      </c>
      <c r="I1466" s="11">
        <v>45916</v>
      </c>
    </row>
    <row r="1467" spans="1:9" x14ac:dyDescent="0.2">
      <c r="A1467" s="10">
        <v>3408</v>
      </c>
      <c r="B1467" s="10" t="s">
        <v>8085</v>
      </c>
      <c r="C1467" s="10" t="s">
        <v>8086</v>
      </c>
      <c r="D1467" s="10" t="s">
        <v>4550</v>
      </c>
      <c r="E1467" s="10" t="s">
        <v>8087</v>
      </c>
      <c r="F1467" s="10" t="s">
        <v>8088</v>
      </c>
      <c r="G1467" s="10" t="s">
        <v>8089</v>
      </c>
      <c r="H1467" s="10" t="s">
        <v>8090</v>
      </c>
      <c r="I1467" s="11">
        <v>45708</v>
      </c>
    </row>
    <row r="1468" spans="1:9" x14ac:dyDescent="0.2">
      <c r="A1468" s="10">
        <v>2969</v>
      </c>
      <c r="B1468" s="10" t="s">
        <v>5630</v>
      </c>
      <c r="C1468" s="10" t="s">
        <v>5631</v>
      </c>
      <c r="D1468" s="10" t="s">
        <v>5632</v>
      </c>
      <c r="E1468" s="10" t="s">
        <v>5633</v>
      </c>
      <c r="F1468" s="10" t="s">
        <v>5634</v>
      </c>
      <c r="G1468" s="10" t="s">
        <v>5635</v>
      </c>
      <c r="H1468" s="10" t="s">
        <v>5636</v>
      </c>
      <c r="I1468" s="11">
        <v>45120</v>
      </c>
    </row>
    <row r="1469" spans="1:9" x14ac:dyDescent="0.2">
      <c r="A1469" s="16">
        <v>1783</v>
      </c>
      <c r="B1469" s="16" t="s">
        <v>1261</v>
      </c>
      <c r="C1469" s="16" t="s">
        <v>1262</v>
      </c>
      <c r="D1469" s="16" t="s">
        <v>1263</v>
      </c>
      <c r="E1469" s="16" t="s">
        <v>1264</v>
      </c>
      <c r="F1469" s="16" t="s">
        <v>1265</v>
      </c>
      <c r="G1469" s="16" t="s">
        <v>1266</v>
      </c>
      <c r="H1469" s="16" t="s">
        <v>1267</v>
      </c>
      <c r="I1469" s="17">
        <v>44783</v>
      </c>
    </row>
    <row r="1470" spans="1:9" x14ac:dyDescent="0.2">
      <c r="A1470" s="14">
        <v>3588</v>
      </c>
      <c r="B1470" s="15" t="s">
        <v>9091</v>
      </c>
      <c r="C1470" s="10" t="s">
        <v>9092</v>
      </c>
      <c r="D1470" s="15" t="s">
        <v>7159</v>
      </c>
      <c r="E1470" s="10" t="s">
        <v>9093</v>
      </c>
      <c r="F1470" s="10" t="s">
        <v>9094</v>
      </c>
      <c r="G1470" s="10" t="s">
        <v>9095</v>
      </c>
      <c r="H1470" s="10" t="s">
        <v>9092</v>
      </c>
      <c r="I1470" s="11">
        <v>45971</v>
      </c>
    </row>
    <row r="1471" spans="1:9" x14ac:dyDescent="0.2">
      <c r="A1471" s="10">
        <v>1398</v>
      </c>
      <c r="B1471" s="10" t="s">
        <v>689</v>
      </c>
      <c r="C1471" s="10" t="s">
        <v>690</v>
      </c>
      <c r="D1471" s="10" t="s">
        <v>144</v>
      </c>
      <c r="E1471" s="10" t="s">
        <v>691</v>
      </c>
      <c r="F1471" s="10" t="s">
        <v>692</v>
      </c>
      <c r="G1471" s="10" t="s">
        <v>693</v>
      </c>
      <c r="H1471" s="10" t="s">
        <v>690</v>
      </c>
      <c r="I1471" s="11">
        <v>45673</v>
      </c>
    </row>
    <row r="1472" spans="1:9" x14ac:dyDescent="0.2">
      <c r="A1472" s="10">
        <v>2945</v>
      </c>
      <c r="B1472" s="10" t="s">
        <v>5511</v>
      </c>
      <c r="C1472" s="10" t="s">
        <v>5512</v>
      </c>
      <c r="D1472" s="10" t="s">
        <v>3172</v>
      </c>
      <c r="E1472" s="10" t="s">
        <v>5513</v>
      </c>
      <c r="F1472" s="10" t="s">
        <v>5514</v>
      </c>
      <c r="G1472" s="10" t="s">
        <v>5515</v>
      </c>
      <c r="H1472" s="10" t="s">
        <v>5516</v>
      </c>
      <c r="I1472" s="11">
        <v>45085</v>
      </c>
    </row>
    <row r="1473" spans="1:9" x14ac:dyDescent="0.2">
      <c r="A1473" s="10">
        <v>2433</v>
      </c>
      <c r="B1473" s="10" t="s">
        <v>2753</v>
      </c>
      <c r="C1473" s="10" t="s">
        <v>2754</v>
      </c>
      <c r="D1473" s="10" t="s">
        <v>2755</v>
      </c>
      <c r="E1473" s="10" t="s">
        <v>2756</v>
      </c>
      <c r="F1473" s="10" t="s">
        <v>2757</v>
      </c>
      <c r="G1473" s="10" t="s">
        <v>2758</v>
      </c>
      <c r="H1473" s="10" t="s">
        <v>2759</v>
      </c>
      <c r="I1473" s="11">
        <v>44270</v>
      </c>
    </row>
    <row r="1474" spans="1:9" x14ac:dyDescent="0.2">
      <c r="A1474" s="10">
        <v>1025</v>
      </c>
      <c r="B1474" s="10" t="s">
        <v>377</v>
      </c>
      <c r="C1474" s="10" t="s">
        <v>378</v>
      </c>
      <c r="D1474" s="10" t="s">
        <v>379</v>
      </c>
      <c r="E1474" s="10" t="s">
        <v>380</v>
      </c>
      <c r="F1474" s="10" t="s">
        <v>381</v>
      </c>
      <c r="G1474" s="10" t="s">
        <v>382</v>
      </c>
      <c r="H1474" s="10" t="s">
        <v>378</v>
      </c>
      <c r="I1474" s="11">
        <v>44431</v>
      </c>
    </row>
    <row r="1475" spans="1:9" x14ac:dyDescent="0.2">
      <c r="A1475" s="10">
        <v>3307</v>
      </c>
      <c r="B1475" s="10" t="s">
        <v>7498</v>
      </c>
      <c r="C1475" s="10" t="s">
        <v>7499</v>
      </c>
      <c r="D1475" s="10" t="s">
        <v>118</v>
      </c>
      <c r="E1475" s="10" t="s">
        <v>7500</v>
      </c>
      <c r="F1475" s="10" t="s">
        <v>7501</v>
      </c>
      <c r="G1475" s="10" t="s">
        <v>7502</v>
      </c>
      <c r="H1475" s="10" t="s">
        <v>7499</v>
      </c>
      <c r="I1475" s="11">
        <v>45580</v>
      </c>
    </row>
    <row r="1476" spans="1:9" x14ac:dyDescent="0.2">
      <c r="A1476" s="10">
        <v>3342</v>
      </c>
      <c r="B1476" s="10" t="s">
        <v>7705</v>
      </c>
      <c r="C1476" s="10" t="s">
        <v>7706</v>
      </c>
      <c r="D1476" s="10" t="s">
        <v>7707</v>
      </c>
      <c r="E1476" s="10" t="s">
        <v>7708</v>
      </c>
      <c r="F1476" s="10" t="s">
        <v>7709</v>
      </c>
      <c r="G1476" s="10" t="s">
        <v>7710</v>
      </c>
      <c r="H1476" s="10" t="s">
        <v>7706</v>
      </c>
      <c r="I1476" s="11">
        <v>45610</v>
      </c>
    </row>
    <row r="1477" spans="1:9" x14ac:dyDescent="0.2">
      <c r="A1477" s="10">
        <v>2590</v>
      </c>
      <c r="B1477" s="10" t="s">
        <v>3561</v>
      </c>
      <c r="C1477" s="10" t="s">
        <v>3562</v>
      </c>
      <c r="D1477" s="10" t="s">
        <v>3563</v>
      </c>
      <c r="E1477" s="10" t="s">
        <v>3564</v>
      </c>
      <c r="F1477" s="10" t="s">
        <v>3565</v>
      </c>
      <c r="G1477" s="10" t="s">
        <v>3566</v>
      </c>
      <c r="H1477" s="10" t="s">
        <v>3562</v>
      </c>
      <c r="I1477" s="11">
        <v>44529</v>
      </c>
    </row>
    <row r="1478" spans="1:9" x14ac:dyDescent="0.2">
      <c r="A1478" s="10">
        <v>914</v>
      </c>
      <c r="B1478" s="10" t="s">
        <v>316</v>
      </c>
      <c r="C1478" s="10" t="s">
        <v>35</v>
      </c>
      <c r="D1478" s="10" t="s">
        <v>317</v>
      </c>
      <c r="E1478" s="10" t="s">
        <v>318</v>
      </c>
      <c r="F1478" s="10" t="s">
        <v>319</v>
      </c>
      <c r="G1478" s="10" t="s">
        <v>320</v>
      </c>
      <c r="H1478" s="10" t="s">
        <v>321</v>
      </c>
      <c r="I1478" s="11">
        <v>45739</v>
      </c>
    </row>
    <row r="1479" spans="1:9" x14ac:dyDescent="0.2">
      <c r="A1479" s="10">
        <v>2620</v>
      </c>
      <c r="B1479" s="10" t="s">
        <v>3727</v>
      </c>
      <c r="C1479" s="10" t="s">
        <v>3728</v>
      </c>
      <c r="D1479" s="10" t="s">
        <v>3729</v>
      </c>
      <c r="E1479" s="10" t="s">
        <v>3730</v>
      </c>
      <c r="F1479" s="10" t="s">
        <v>3731</v>
      </c>
      <c r="G1479" s="10" t="s">
        <v>3732</v>
      </c>
      <c r="H1479" s="10" t="s">
        <v>3728</v>
      </c>
      <c r="I1479" s="11">
        <v>44585</v>
      </c>
    </row>
    <row r="1480" spans="1:9" x14ac:dyDescent="0.2">
      <c r="A1480" s="10">
        <v>1879</v>
      </c>
      <c r="B1480" s="10" t="s">
        <v>1455</v>
      </c>
      <c r="C1480" s="10" t="s">
        <v>1456</v>
      </c>
      <c r="D1480" s="10" t="s">
        <v>547</v>
      </c>
      <c r="E1480" s="10" t="s">
        <v>1457</v>
      </c>
      <c r="F1480" s="10" t="s">
        <v>1458</v>
      </c>
      <c r="G1480" s="10" t="s">
        <v>1459</v>
      </c>
      <c r="H1480" s="10" t="s">
        <v>1456</v>
      </c>
      <c r="I1480" s="11">
        <v>45015</v>
      </c>
    </row>
    <row r="1481" spans="1:9" x14ac:dyDescent="0.2">
      <c r="A1481" s="10">
        <v>3259</v>
      </c>
      <c r="B1481" s="10" t="s">
        <v>7232</v>
      </c>
      <c r="C1481" s="10" t="s">
        <v>7233</v>
      </c>
      <c r="D1481" s="10" t="s">
        <v>7234</v>
      </c>
      <c r="E1481" s="10" t="s">
        <v>7235</v>
      </c>
      <c r="F1481" s="10" t="s">
        <v>7236</v>
      </c>
      <c r="G1481" s="10" t="s">
        <v>7237</v>
      </c>
      <c r="H1481" s="10" t="s">
        <v>7238</v>
      </c>
      <c r="I1481" s="11">
        <v>45498</v>
      </c>
    </row>
    <row r="1482" spans="1:9" x14ac:dyDescent="0.2">
      <c r="A1482" s="10">
        <v>3063</v>
      </c>
      <c r="B1482" s="10" t="s">
        <v>6163</v>
      </c>
      <c r="C1482" s="10" t="s">
        <v>6164</v>
      </c>
      <c r="D1482" s="10" t="s">
        <v>6165</v>
      </c>
      <c r="E1482" s="10" t="s">
        <v>6166</v>
      </c>
      <c r="F1482" s="10" t="s">
        <v>6167</v>
      </c>
      <c r="G1482" s="10" t="s">
        <v>6168</v>
      </c>
      <c r="H1482" s="10" t="s">
        <v>6164</v>
      </c>
      <c r="I1482" s="11">
        <v>45257</v>
      </c>
    </row>
    <row r="1483" spans="1:9" x14ac:dyDescent="0.2">
      <c r="A1483" s="10">
        <v>3196</v>
      </c>
      <c r="B1483" s="10" t="s">
        <v>6882</v>
      </c>
      <c r="C1483" s="10" t="s">
        <v>6883</v>
      </c>
      <c r="D1483" s="10" t="s">
        <v>6884</v>
      </c>
      <c r="E1483" s="10" t="s">
        <v>6885</v>
      </c>
      <c r="F1483" s="10" t="s">
        <v>6886</v>
      </c>
      <c r="G1483" s="10" t="s">
        <v>6887</v>
      </c>
      <c r="H1483" s="10" t="s">
        <v>6883</v>
      </c>
      <c r="I1483" s="11">
        <v>45421</v>
      </c>
    </row>
    <row r="1484" spans="1:9" x14ac:dyDescent="0.2">
      <c r="A1484" s="10">
        <v>3151</v>
      </c>
      <c r="B1484" s="10" t="s">
        <v>6649</v>
      </c>
      <c r="C1484" s="10" t="s">
        <v>6650</v>
      </c>
      <c r="D1484" s="10" t="s">
        <v>6651</v>
      </c>
      <c r="E1484" s="10" t="s">
        <v>6652</v>
      </c>
      <c r="F1484" s="10" t="s">
        <v>6653</v>
      </c>
      <c r="G1484" s="10" t="s">
        <v>6654</v>
      </c>
      <c r="H1484" s="10" t="s">
        <v>6650</v>
      </c>
      <c r="I1484" s="11">
        <v>45358</v>
      </c>
    </row>
    <row r="1485" spans="1:9" x14ac:dyDescent="0.2">
      <c r="A1485" s="10">
        <v>2009</v>
      </c>
      <c r="B1485" s="10" t="s">
        <v>1684</v>
      </c>
      <c r="C1485" s="10" t="s">
        <v>1685</v>
      </c>
      <c r="D1485" s="10" t="s">
        <v>1686</v>
      </c>
      <c r="E1485" s="10" t="s">
        <v>1687</v>
      </c>
      <c r="F1485" s="10" t="s">
        <v>1688</v>
      </c>
      <c r="G1485" s="10" t="s">
        <v>1689</v>
      </c>
      <c r="H1485" s="10" t="s">
        <v>1690</v>
      </c>
      <c r="I1485" s="11">
        <v>45334</v>
      </c>
    </row>
    <row r="1486" spans="1:9" x14ac:dyDescent="0.2">
      <c r="A1486" s="10">
        <v>2932</v>
      </c>
      <c r="B1486" s="10" t="s">
        <v>5443</v>
      </c>
      <c r="C1486" s="10" t="s">
        <v>35</v>
      </c>
      <c r="D1486" s="10" t="s">
        <v>5444</v>
      </c>
      <c r="E1486" s="10" t="s">
        <v>5445</v>
      </c>
      <c r="F1486" s="10" t="s">
        <v>5446</v>
      </c>
      <c r="G1486" s="10" t="s">
        <v>5447</v>
      </c>
      <c r="H1486" s="10" t="s">
        <v>5448</v>
      </c>
      <c r="I1486" s="11">
        <v>45075</v>
      </c>
    </row>
    <row r="1487" spans="1:9" x14ac:dyDescent="0.2">
      <c r="A1487" s="10">
        <v>2777</v>
      </c>
      <c r="B1487" s="10" t="s">
        <v>4574</v>
      </c>
      <c r="C1487" s="10" t="s">
        <v>4575</v>
      </c>
      <c r="D1487" s="10" t="s">
        <v>4576</v>
      </c>
      <c r="E1487" s="10" t="s">
        <v>4577</v>
      </c>
      <c r="F1487" s="10" t="s">
        <v>4578</v>
      </c>
      <c r="G1487" s="10" t="s">
        <v>4579</v>
      </c>
      <c r="H1487" s="10" t="s">
        <v>4575</v>
      </c>
      <c r="I1487" s="11">
        <v>44802</v>
      </c>
    </row>
    <row r="1488" spans="1:9" x14ac:dyDescent="0.2">
      <c r="A1488" s="10">
        <v>1724</v>
      </c>
      <c r="B1488" s="10" t="s">
        <v>1153</v>
      </c>
      <c r="C1488" s="10" t="s">
        <v>35</v>
      </c>
      <c r="D1488" s="10" t="s">
        <v>1154</v>
      </c>
      <c r="E1488" s="10" t="s">
        <v>1155</v>
      </c>
      <c r="F1488" s="10" t="s">
        <v>1156</v>
      </c>
      <c r="G1488" s="10" t="s">
        <v>1157</v>
      </c>
      <c r="H1488" s="10" t="s">
        <v>1158</v>
      </c>
      <c r="I1488" s="11">
        <v>44661</v>
      </c>
    </row>
    <row r="1489" spans="1:9" x14ac:dyDescent="0.2">
      <c r="A1489" s="10">
        <v>3093</v>
      </c>
      <c r="B1489" s="10" t="s">
        <v>6332</v>
      </c>
      <c r="C1489" s="10" t="s">
        <v>6333</v>
      </c>
      <c r="D1489" s="10" t="s">
        <v>4193</v>
      </c>
      <c r="E1489" s="10" t="s">
        <v>6334</v>
      </c>
      <c r="F1489" s="10" t="s">
        <v>6335</v>
      </c>
      <c r="G1489" s="10" t="s">
        <v>6336</v>
      </c>
      <c r="H1489" s="10" t="s">
        <v>6333</v>
      </c>
      <c r="I1489" s="11">
        <v>45281</v>
      </c>
    </row>
    <row r="1490" spans="1:9" x14ac:dyDescent="0.2">
      <c r="A1490" s="10">
        <v>2807</v>
      </c>
      <c r="B1490" s="10" t="s">
        <v>4747</v>
      </c>
      <c r="C1490" s="10" t="s">
        <v>4748</v>
      </c>
      <c r="D1490" s="10" t="s">
        <v>4749</v>
      </c>
      <c r="E1490" s="10" t="s">
        <v>4750</v>
      </c>
      <c r="F1490" s="10" t="s">
        <v>4751</v>
      </c>
      <c r="G1490" s="10" t="s">
        <v>4752</v>
      </c>
      <c r="H1490" s="10" t="s">
        <v>4753</v>
      </c>
      <c r="I1490" s="11">
        <v>44858</v>
      </c>
    </row>
    <row r="1491" spans="1:9" x14ac:dyDescent="0.2">
      <c r="A1491" s="13">
        <v>3508</v>
      </c>
      <c r="B1491" s="10" t="s">
        <v>8645</v>
      </c>
      <c r="C1491" s="10" t="s">
        <v>8646</v>
      </c>
      <c r="D1491" s="10" t="s">
        <v>8647</v>
      </c>
      <c r="E1491" s="10" t="s">
        <v>8648</v>
      </c>
      <c r="F1491" s="10" t="s">
        <v>8649</v>
      </c>
      <c r="G1491" s="10" t="s">
        <v>8650</v>
      </c>
      <c r="H1491" s="10" t="s">
        <v>8651</v>
      </c>
      <c r="I1491" s="11">
        <v>45831</v>
      </c>
    </row>
    <row r="1492" spans="1:9" x14ac:dyDescent="0.2">
      <c r="A1492" s="13">
        <v>3506</v>
      </c>
      <c r="B1492" s="10" t="s">
        <v>8632</v>
      </c>
      <c r="C1492" s="10" t="s">
        <v>8633</v>
      </c>
      <c r="D1492" s="10" t="s">
        <v>5545</v>
      </c>
      <c r="E1492" s="10" t="s">
        <v>8634</v>
      </c>
      <c r="F1492" s="10" t="s">
        <v>8635</v>
      </c>
      <c r="G1492" s="10" t="s">
        <v>8636</v>
      </c>
      <c r="H1492" s="10" t="s">
        <v>8637</v>
      </c>
      <c r="I1492" s="11">
        <v>45824</v>
      </c>
    </row>
    <row r="1493" spans="1:9" x14ac:dyDescent="0.2">
      <c r="A1493" s="10">
        <v>2425</v>
      </c>
      <c r="B1493" s="10" t="s">
        <v>2711</v>
      </c>
      <c r="C1493" s="10" t="s">
        <v>2712</v>
      </c>
      <c r="D1493" s="10" t="s">
        <v>2713</v>
      </c>
      <c r="E1493" s="10" t="s">
        <v>2714</v>
      </c>
      <c r="F1493" s="10" t="s">
        <v>2715</v>
      </c>
      <c r="G1493" s="10" t="s">
        <v>2716</v>
      </c>
      <c r="H1493" s="10" t="s">
        <v>2712</v>
      </c>
      <c r="I1493" s="11">
        <v>44266</v>
      </c>
    </row>
    <row r="1494" spans="1:9" x14ac:dyDescent="0.2">
      <c r="A1494" s="10">
        <v>3002</v>
      </c>
      <c r="B1494" s="10" t="s">
        <v>5827</v>
      </c>
      <c r="C1494" s="10" t="s">
        <v>5828</v>
      </c>
      <c r="D1494" s="10" t="s">
        <v>5829</v>
      </c>
      <c r="E1494" s="10" t="s">
        <v>5830</v>
      </c>
      <c r="F1494" s="10" t="s">
        <v>5831</v>
      </c>
      <c r="G1494" s="10" t="s">
        <v>5832</v>
      </c>
      <c r="H1494" s="10" t="s">
        <v>5833</v>
      </c>
      <c r="I1494" s="11">
        <v>45176</v>
      </c>
    </row>
    <row r="1495" spans="1:9" x14ac:dyDescent="0.2">
      <c r="A1495" s="13">
        <v>3477</v>
      </c>
      <c r="B1495" s="10" t="s">
        <v>8472</v>
      </c>
      <c r="C1495" s="10" t="s">
        <v>8473</v>
      </c>
      <c r="D1495" s="10" t="s">
        <v>8474</v>
      </c>
      <c r="E1495" s="10" t="s">
        <v>8475</v>
      </c>
      <c r="F1495" s="10" t="s">
        <v>8476</v>
      </c>
      <c r="G1495" s="10" t="s">
        <v>8477</v>
      </c>
      <c r="H1495" s="10" t="s">
        <v>8473</v>
      </c>
      <c r="I1495" s="11">
        <v>45799</v>
      </c>
    </row>
    <row r="1496" spans="1:9" x14ac:dyDescent="0.2">
      <c r="A1496" s="10">
        <v>3336</v>
      </c>
      <c r="B1496" s="10" t="s">
        <v>7670</v>
      </c>
      <c r="C1496" s="10" t="s">
        <v>7671</v>
      </c>
      <c r="D1496" s="10" t="s">
        <v>391</v>
      </c>
      <c r="E1496" s="10" t="s">
        <v>7672</v>
      </c>
      <c r="F1496" s="10" t="s">
        <v>7673</v>
      </c>
      <c r="G1496" s="10" t="s">
        <v>7674</v>
      </c>
      <c r="H1496" s="10" t="s">
        <v>7675</v>
      </c>
      <c r="I1496" s="11">
        <v>45610</v>
      </c>
    </row>
    <row r="1497" spans="1:9" x14ac:dyDescent="0.2">
      <c r="A1497" s="10">
        <v>3017</v>
      </c>
      <c r="B1497" s="10" t="s">
        <v>5913</v>
      </c>
      <c r="C1497" s="10" t="s">
        <v>5914</v>
      </c>
      <c r="D1497" s="10" t="s">
        <v>5915</v>
      </c>
      <c r="E1497" s="10" t="s">
        <v>5916</v>
      </c>
      <c r="F1497" s="10" t="s">
        <v>5917</v>
      </c>
      <c r="G1497" s="10" t="s">
        <v>5918</v>
      </c>
      <c r="H1497" s="10" t="s">
        <v>5919</v>
      </c>
      <c r="I1497" s="11">
        <v>45197</v>
      </c>
    </row>
    <row r="1498" spans="1:9" x14ac:dyDescent="0.2">
      <c r="A1498" s="10">
        <v>3060</v>
      </c>
      <c r="B1498" s="10" t="s">
        <v>6145</v>
      </c>
      <c r="C1498" s="10" t="s">
        <v>6146</v>
      </c>
      <c r="D1498" s="10" t="s">
        <v>6147</v>
      </c>
      <c r="E1498" s="10" t="s">
        <v>6148</v>
      </c>
      <c r="F1498" s="10" t="s">
        <v>6149</v>
      </c>
      <c r="G1498" s="10" t="s">
        <v>6150</v>
      </c>
      <c r="H1498" s="10" t="s">
        <v>6151</v>
      </c>
      <c r="I1498" s="11">
        <v>45257</v>
      </c>
    </row>
    <row r="1499" spans="1:9" x14ac:dyDescent="0.2">
      <c r="A1499" s="13">
        <v>3473</v>
      </c>
      <c r="B1499" s="10" t="s">
        <v>8446</v>
      </c>
      <c r="C1499" s="10" t="s">
        <v>8447</v>
      </c>
      <c r="D1499" s="10" t="s">
        <v>854</v>
      </c>
      <c r="E1499" s="10" t="s">
        <v>8448</v>
      </c>
      <c r="F1499" s="10" t="s">
        <v>8449</v>
      </c>
      <c r="G1499" s="10" t="s">
        <v>8450</v>
      </c>
      <c r="H1499" s="10" t="s">
        <v>8451</v>
      </c>
      <c r="I1499" s="11">
        <v>45806</v>
      </c>
    </row>
    <row r="1500" spans="1:9" x14ac:dyDescent="0.2">
      <c r="A1500" s="10">
        <v>2974</v>
      </c>
      <c r="B1500" s="10" t="s">
        <v>5660</v>
      </c>
      <c r="C1500" s="10" t="s">
        <v>5661</v>
      </c>
      <c r="D1500" s="10" t="s">
        <v>1403</v>
      </c>
      <c r="E1500" s="10" t="s">
        <v>5662</v>
      </c>
      <c r="F1500" s="10" t="s">
        <v>5663</v>
      </c>
      <c r="G1500" s="10" t="s">
        <v>5664</v>
      </c>
      <c r="H1500" s="10" t="s">
        <v>5665</v>
      </c>
      <c r="I1500" s="11">
        <v>45125</v>
      </c>
    </row>
    <row r="1501" spans="1:9" x14ac:dyDescent="0.2">
      <c r="A1501" s="10">
        <v>3206</v>
      </c>
      <c r="B1501" s="10" t="s">
        <v>6941</v>
      </c>
      <c r="C1501" s="10" t="s">
        <v>35</v>
      </c>
      <c r="D1501" s="10" t="s">
        <v>118</v>
      </c>
      <c r="E1501" s="10" t="s">
        <v>6942</v>
      </c>
      <c r="F1501" s="10" t="s">
        <v>6943</v>
      </c>
      <c r="G1501" s="10" t="s">
        <v>6944</v>
      </c>
      <c r="H1501" s="10" t="s">
        <v>6945</v>
      </c>
      <c r="I1501" s="11">
        <v>45435</v>
      </c>
    </row>
    <row r="1502" spans="1:9" x14ac:dyDescent="0.2">
      <c r="A1502" s="10">
        <v>2092</v>
      </c>
      <c r="B1502" s="10" t="s">
        <v>1838</v>
      </c>
      <c r="C1502" s="10" t="s">
        <v>1839</v>
      </c>
      <c r="D1502" s="10" t="s">
        <v>1840</v>
      </c>
      <c r="E1502" s="10" t="s">
        <v>1841</v>
      </c>
      <c r="F1502" s="10" t="s">
        <v>1842</v>
      </c>
      <c r="G1502" s="10" t="s">
        <v>1843</v>
      </c>
      <c r="H1502" s="10" t="s">
        <v>1844</v>
      </c>
      <c r="I1502" s="11">
        <v>45481</v>
      </c>
    </row>
    <row r="1503" spans="1:9" x14ac:dyDescent="0.2">
      <c r="A1503" s="10">
        <v>2953</v>
      </c>
      <c r="B1503" s="10" t="s">
        <v>5550</v>
      </c>
      <c r="C1503" s="10" t="s">
        <v>5551</v>
      </c>
      <c r="D1503" s="10" t="s">
        <v>5552</v>
      </c>
      <c r="E1503" s="10" t="s">
        <v>5553</v>
      </c>
      <c r="F1503" s="10" t="s">
        <v>5554</v>
      </c>
      <c r="G1503" s="10" t="s">
        <v>5555</v>
      </c>
      <c r="H1503" s="10" t="s">
        <v>5556</v>
      </c>
      <c r="I1503" s="11">
        <v>45099</v>
      </c>
    </row>
    <row r="1504" spans="1:9" x14ac:dyDescent="0.2">
      <c r="A1504" s="10">
        <v>3100</v>
      </c>
      <c r="B1504" s="10" t="s">
        <v>6374</v>
      </c>
      <c r="C1504" s="10" t="s">
        <v>6375</v>
      </c>
      <c r="D1504" s="10" t="s">
        <v>6376</v>
      </c>
      <c r="E1504" s="10" t="s">
        <v>6377</v>
      </c>
      <c r="F1504" s="10" t="s">
        <v>6378</v>
      </c>
      <c r="G1504" s="10" t="s">
        <v>6379</v>
      </c>
      <c r="H1504" s="10" t="s">
        <v>1033</v>
      </c>
      <c r="I1504" s="11">
        <v>45285</v>
      </c>
    </row>
    <row r="1505" spans="1:9" x14ac:dyDescent="0.2">
      <c r="A1505" s="10">
        <v>2872</v>
      </c>
      <c r="B1505" s="10" t="s">
        <v>5103</v>
      </c>
      <c r="C1505" s="10" t="s">
        <v>5104</v>
      </c>
      <c r="D1505" s="10" t="s">
        <v>1355</v>
      </c>
      <c r="E1505" s="10" t="s">
        <v>5105</v>
      </c>
      <c r="F1505" s="10" t="s">
        <v>5106</v>
      </c>
      <c r="G1505" s="10" t="s">
        <v>5107</v>
      </c>
      <c r="H1505" s="10" t="s">
        <v>5108</v>
      </c>
      <c r="I1505" s="11">
        <v>44981</v>
      </c>
    </row>
    <row r="1506" spans="1:9" x14ac:dyDescent="0.2">
      <c r="A1506" s="10">
        <v>3217</v>
      </c>
      <c r="B1506" s="10" t="s">
        <v>6992</v>
      </c>
      <c r="C1506" s="10" t="s">
        <v>6993</v>
      </c>
      <c r="D1506" s="10" t="s">
        <v>144</v>
      </c>
      <c r="E1506" s="10" t="s">
        <v>6994</v>
      </c>
      <c r="F1506" s="10" t="s">
        <v>6995</v>
      </c>
      <c r="G1506" s="10" t="s">
        <v>5107</v>
      </c>
      <c r="H1506" s="10" t="s">
        <v>6993</v>
      </c>
      <c r="I1506" s="11">
        <v>45446</v>
      </c>
    </row>
    <row r="1507" spans="1:9" x14ac:dyDescent="0.2">
      <c r="A1507" s="13">
        <v>3463</v>
      </c>
      <c r="B1507" s="10" t="s">
        <v>8392</v>
      </c>
      <c r="C1507" s="10" t="s">
        <v>8393</v>
      </c>
      <c r="D1507" s="10" t="s">
        <v>3901</v>
      </c>
      <c r="E1507" s="10" t="s">
        <v>8394</v>
      </c>
      <c r="F1507" s="10" t="s">
        <v>8395</v>
      </c>
      <c r="G1507" s="10" t="s">
        <v>8396</v>
      </c>
      <c r="H1507" s="10" t="s">
        <v>8393</v>
      </c>
      <c r="I1507" s="11">
        <v>45778</v>
      </c>
    </row>
    <row r="1508" spans="1:9" x14ac:dyDescent="0.2">
      <c r="A1508" s="10">
        <v>1551</v>
      </c>
      <c r="B1508" s="10" t="s">
        <v>817</v>
      </c>
      <c r="C1508" s="10" t="s">
        <v>818</v>
      </c>
      <c r="D1508" s="10" t="s">
        <v>819</v>
      </c>
      <c r="E1508" s="10" t="s">
        <v>820</v>
      </c>
      <c r="F1508" s="10" t="s">
        <v>821</v>
      </c>
      <c r="G1508" s="10" t="s">
        <v>822</v>
      </c>
      <c r="H1508" s="10" t="s">
        <v>818</v>
      </c>
      <c r="I1508" s="11">
        <v>44283</v>
      </c>
    </row>
    <row r="1509" spans="1:9" x14ac:dyDescent="0.2">
      <c r="A1509" s="10">
        <v>2699</v>
      </c>
      <c r="B1509" s="10" t="s">
        <v>4150</v>
      </c>
      <c r="C1509" s="10" t="s">
        <v>4151</v>
      </c>
      <c r="D1509" s="10" t="s">
        <v>4152</v>
      </c>
      <c r="E1509" s="10" t="s">
        <v>4153</v>
      </c>
      <c r="F1509" s="10" t="s">
        <v>4154</v>
      </c>
      <c r="G1509" s="10" t="s">
        <v>4155</v>
      </c>
      <c r="H1509" s="10" t="s">
        <v>4151</v>
      </c>
      <c r="I1509" s="11">
        <v>44700</v>
      </c>
    </row>
    <row r="1510" spans="1:9" x14ac:dyDescent="0.2">
      <c r="A1510" s="10">
        <v>1866</v>
      </c>
      <c r="B1510" s="10" t="s">
        <v>1413</v>
      </c>
      <c r="C1510" s="10" t="s">
        <v>1414</v>
      </c>
      <c r="D1510" s="10" t="s">
        <v>1415</v>
      </c>
      <c r="E1510" s="10" t="s">
        <v>1416</v>
      </c>
      <c r="F1510" s="10" t="s">
        <v>1417</v>
      </c>
      <c r="G1510" s="10" t="s">
        <v>1418</v>
      </c>
      <c r="H1510" s="10" t="s">
        <v>1414</v>
      </c>
      <c r="I1510" s="11">
        <v>44997</v>
      </c>
    </row>
    <row r="1511" spans="1:9" x14ac:dyDescent="0.2">
      <c r="A1511" s="13">
        <v>3423</v>
      </c>
      <c r="B1511" s="10" t="s">
        <v>1413</v>
      </c>
      <c r="C1511" s="10" t="s">
        <v>8173</v>
      </c>
      <c r="D1511" s="10" t="s">
        <v>3901</v>
      </c>
      <c r="E1511" s="10" t="s">
        <v>8174</v>
      </c>
      <c r="F1511" s="10" t="s">
        <v>8175</v>
      </c>
      <c r="G1511" s="10" t="s">
        <v>1418</v>
      </c>
      <c r="H1511" s="10" t="s">
        <v>8176</v>
      </c>
      <c r="I1511" s="11">
        <v>45729</v>
      </c>
    </row>
    <row r="1512" spans="1:9" x14ac:dyDescent="0.2">
      <c r="A1512" s="10">
        <v>3409</v>
      </c>
      <c r="B1512" s="10" t="s">
        <v>8091</v>
      </c>
      <c r="C1512" s="10" t="s">
        <v>8092</v>
      </c>
      <c r="D1512" s="10" t="s">
        <v>8093</v>
      </c>
      <c r="E1512" s="10" t="s">
        <v>8094</v>
      </c>
      <c r="F1512" s="10" t="s">
        <v>8095</v>
      </c>
      <c r="G1512" s="10" t="s">
        <v>8096</v>
      </c>
      <c r="H1512" s="10" t="s">
        <v>8092</v>
      </c>
      <c r="I1512" s="11">
        <v>45726</v>
      </c>
    </row>
    <row r="1513" spans="1:9" x14ac:dyDescent="0.2">
      <c r="A1513" s="10">
        <v>3228</v>
      </c>
      <c r="B1513" s="10" t="s">
        <v>7057</v>
      </c>
      <c r="C1513" s="10" t="s">
        <v>7058</v>
      </c>
      <c r="D1513" s="10" t="s">
        <v>7059</v>
      </c>
      <c r="E1513" s="10" t="s">
        <v>7060</v>
      </c>
      <c r="F1513" s="10" t="s">
        <v>7061</v>
      </c>
      <c r="G1513" s="10" t="s">
        <v>7062</v>
      </c>
      <c r="H1513" s="10" t="s">
        <v>7058</v>
      </c>
      <c r="I1513" s="11">
        <v>45467</v>
      </c>
    </row>
    <row r="1514" spans="1:9" x14ac:dyDescent="0.2">
      <c r="A1514" s="10">
        <v>3250</v>
      </c>
      <c r="B1514" s="10" t="s">
        <v>7182</v>
      </c>
      <c r="C1514" s="10" t="s">
        <v>7183</v>
      </c>
      <c r="D1514" s="10" t="s">
        <v>7184</v>
      </c>
      <c r="E1514" s="10" t="s">
        <v>7185</v>
      </c>
      <c r="F1514" s="10" t="s">
        <v>7186</v>
      </c>
      <c r="G1514" s="10" t="s">
        <v>7187</v>
      </c>
      <c r="H1514" s="10" t="s">
        <v>7183</v>
      </c>
      <c r="I1514" s="11">
        <v>45484</v>
      </c>
    </row>
    <row r="1515" spans="1:9" x14ac:dyDescent="0.2">
      <c r="A1515" s="13">
        <v>3509</v>
      </c>
      <c r="B1515" s="10" t="s">
        <v>8652</v>
      </c>
      <c r="C1515" s="10" t="s">
        <v>8653</v>
      </c>
      <c r="D1515" s="10" t="s">
        <v>8654</v>
      </c>
      <c r="E1515" s="10" t="s">
        <v>8655</v>
      </c>
      <c r="F1515" s="10" t="s">
        <v>8656</v>
      </c>
      <c r="G1515" s="10" t="s">
        <v>8657</v>
      </c>
      <c r="H1515" s="10" t="s">
        <v>8658</v>
      </c>
      <c r="I1515" s="11">
        <v>45831</v>
      </c>
    </row>
    <row r="1516" spans="1:9" x14ac:dyDescent="0.2">
      <c r="A1516" s="10">
        <v>2483</v>
      </c>
      <c r="B1516" s="10" t="s">
        <v>3009</v>
      </c>
      <c r="C1516" s="10" t="s">
        <v>3010</v>
      </c>
      <c r="D1516" s="10" t="s">
        <v>3011</v>
      </c>
      <c r="E1516" s="10" t="s">
        <v>3012</v>
      </c>
      <c r="F1516" s="10" t="s">
        <v>3013</v>
      </c>
      <c r="G1516" s="10" t="s">
        <v>3014</v>
      </c>
      <c r="H1516" s="10" t="s">
        <v>3010</v>
      </c>
      <c r="I1516" s="11">
        <v>44312</v>
      </c>
    </row>
    <row r="1517" spans="1:9" x14ac:dyDescent="0.2">
      <c r="A1517" s="10">
        <v>3195</v>
      </c>
      <c r="B1517" s="10" t="s">
        <v>6876</v>
      </c>
      <c r="C1517" s="10" t="s">
        <v>35</v>
      </c>
      <c r="D1517" s="10" t="s">
        <v>6877</v>
      </c>
      <c r="E1517" s="10" t="s">
        <v>6878</v>
      </c>
      <c r="F1517" s="10" t="s">
        <v>6879</v>
      </c>
      <c r="G1517" s="10" t="s">
        <v>6880</v>
      </c>
      <c r="H1517" s="10" t="s">
        <v>6881</v>
      </c>
      <c r="I1517" s="11">
        <v>45421</v>
      </c>
    </row>
    <row r="1518" spans="1:9" x14ac:dyDescent="0.2">
      <c r="A1518" s="10">
        <v>3209</v>
      </c>
      <c r="B1518" s="10" t="s">
        <v>6958</v>
      </c>
      <c r="C1518" s="10" t="s">
        <v>6959</v>
      </c>
      <c r="D1518" s="10" t="s">
        <v>6463</v>
      </c>
      <c r="E1518" s="10" t="s">
        <v>6960</v>
      </c>
      <c r="F1518" s="10" t="s">
        <v>6961</v>
      </c>
      <c r="G1518" s="10" t="s">
        <v>6962</v>
      </c>
      <c r="H1518" s="10" t="s">
        <v>6959</v>
      </c>
      <c r="I1518" s="11">
        <v>45439</v>
      </c>
    </row>
    <row r="1519" spans="1:9" x14ac:dyDescent="0.2">
      <c r="A1519" s="10">
        <v>3308</v>
      </c>
      <c r="B1519" s="10" t="s">
        <v>7503</v>
      </c>
      <c r="C1519" s="10" t="s">
        <v>7504</v>
      </c>
      <c r="D1519" s="10" t="s">
        <v>7505</v>
      </c>
      <c r="E1519" s="10" t="s">
        <v>7506</v>
      </c>
      <c r="F1519" s="10" t="s">
        <v>7507</v>
      </c>
      <c r="G1519" s="10" t="s">
        <v>7508</v>
      </c>
      <c r="H1519" s="10" t="s">
        <v>7504</v>
      </c>
      <c r="I1519" s="11">
        <v>45580</v>
      </c>
    </row>
    <row r="1520" spans="1:9" x14ac:dyDescent="0.2">
      <c r="A1520" s="10">
        <v>3275</v>
      </c>
      <c r="B1520" s="10" t="s">
        <v>7316</v>
      </c>
      <c r="C1520" s="10" t="s">
        <v>7317</v>
      </c>
      <c r="D1520" s="10" t="s">
        <v>4334</v>
      </c>
      <c r="E1520" s="10" t="s">
        <v>7318</v>
      </c>
      <c r="F1520" s="10" t="s">
        <v>7319</v>
      </c>
      <c r="G1520" s="10" t="s">
        <v>7320</v>
      </c>
      <c r="H1520" s="10" t="s">
        <v>7321</v>
      </c>
      <c r="I1520" s="11">
        <v>45530</v>
      </c>
    </row>
    <row r="1521" spans="1:9" x14ac:dyDescent="0.2">
      <c r="A1521" s="13">
        <v>3480</v>
      </c>
      <c r="B1521" s="10" t="s">
        <v>8489</v>
      </c>
      <c r="C1521" s="10" t="s">
        <v>8490</v>
      </c>
      <c r="D1521" s="10" t="s">
        <v>8491</v>
      </c>
      <c r="E1521" s="10" t="s">
        <v>8492</v>
      </c>
      <c r="F1521" s="10" t="s">
        <v>8493</v>
      </c>
      <c r="G1521" s="10" t="s">
        <v>8494</v>
      </c>
      <c r="H1521" s="10" t="s">
        <v>8490</v>
      </c>
      <c r="I1521" s="11">
        <v>45799</v>
      </c>
    </row>
    <row r="1522" spans="1:9" x14ac:dyDescent="0.2">
      <c r="A1522" s="14">
        <v>3623</v>
      </c>
      <c r="B1522" s="15" t="s">
        <v>9296</v>
      </c>
      <c r="C1522" s="10" t="s">
        <v>9297</v>
      </c>
      <c r="D1522" s="15" t="s">
        <v>9298</v>
      </c>
      <c r="E1522" s="10" t="s">
        <v>9299</v>
      </c>
      <c r="F1522" s="10" t="s">
        <v>9300</v>
      </c>
      <c r="G1522" s="10" t="s">
        <v>9301</v>
      </c>
      <c r="H1522" s="10" t="s">
        <v>9302</v>
      </c>
      <c r="I1522" s="11">
        <v>46013</v>
      </c>
    </row>
    <row r="1523" spans="1:9" x14ac:dyDescent="0.2">
      <c r="A1523" s="10">
        <v>3400</v>
      </c>
      <c r="B1523" s="10" t="s">
        <v>8039</v>
      </c>
      <c r="C1523" s="10" t="s">
        <v>35</v>
      </c>
      <c r="D1523" s="10" t="s">
        <v>2223</v>
      </c>
      <c r="E1523" s="10" t="s">
        <v>8040</v>
      </c>
      <c r="F1523" s="10" t="s">
        <v>8041</v>
      </c>
      <c r="G1523" s="10" t="s">
        <v>8042</v>
      </c>
      <c r="H1523" s="10" t="s">
        <v>8043</v>
      </c>
      <c r="I1523" s="11">
        <v>45713</v>
      </c>
    </row>
    <row r="1524" spans="1:9" x14ac:dyDescent="0.2">
      <c r="A1524" s="10">
        <v>3223</v>
      </c>
      <c r="B1524" s="10" t="s">
        <v>7028</v>
      </c>
      <c r="C1524" s="10" t="s">
        <v>7029</v>
      </c>
      <c r="D1524" s="10" t="s">
        <v>7030</v>
      </c>
      <c r="E1524" s="10" t="s">
        <v>7031</v>
      </c>
      <c r="F1524" s="10" t="s">
        <v>7032</v>
      </c>
      <c r="G1524" s="10" t="s">
        <v>7033</v>
      </c>
      <c r="H1524" s="10" t="s">
        <v>7034</v>
      </c>
      <c r="I1524" s="11">
        <v>45460</v>
      </c>
    </row>
    <row r="1525" spans="1:9" x14ac:dyDescent="0.2">
      <c r="A1525" s="10">
        <v>3172</v>
      </c>
      <c r="B1525" s="10" t="s">
        <v>6755</v>
      </c>
      <c r="C1525" s="10" t="s">
        <v>5089</v>
      </c>
      <c r="D1525" s="10" t="s">
        <v>5085</v>
      </c>
      <c r="E1525" s="10" t="s">
        <v>6756</v>
      </c>
      <c r="F1525" s="10" t="s">
        <v>5087</v>
      </c>
      <c r="G1525" s="10" t="s">
        <v>6757</v>
      </c>
      <c r="H1525" s="10" t="s">
        <v>5089</v>
      </c>
      <c r="I1525" s="11">
        <v>45376</v>
      </c>
    </row>
    <row r="1526" spans="1:9" x14ac:dyDescent="0.2">
      <c r="A1526" s="10">
        <v>1841</v>
      </c>
      <c r="B1526" s="10" t="s">
        <v>1346</v>
      </c>
      <c r="C1526" s="10" t="s">
        <v>1347</v>
      </c>
      <c r="D1526" s="10" t="s">
        <v>1348</v>
      </c>
      <c r="E1526" s="10" t="s">
        <v>1349</v>
      </c>
      <c r="F1526" s="10" t="s">
        <v>1350</v>
      </c>
      <c r="G1526" s="10" t="s">
        <v>1351</v>
      </c>
      <c r="H1526" s="10" t="s">
        <v>1352</v>
      </c>
      <c r="I1526" s="11">
        <v>44930</v>
      </c>
    </row>
    <row r="1527" spans="1:9" x14ac:dyDescent="0.2">
      <c r="A1527" s="10">
        <v>2784</v>
      </c>
      <c r="B1527" s="10" t="s">
        <v>4612</v>
      </c>
      <c r="C1527" s="10" t="s">
        <v>4613</v>
      </c>
      <c r="D1527" s="10" t="s">
        <v>2136</v>
      </c>
      <c r="E1527" s="10" t="s">
        <v>4614</v>
      </c>
      <c r="F1527" s="10" t="s">
        <v>4615</v>
      </c>
      <c r="G1527" s="10" t="s">
        <v>4616</v>
      </c>
      <c r="H1527" s="10" t="s">
        <v>4617</v>
      </c>
      <c r="I1527" s="11">
        <v>44812</v>
      </c>
    </row>
    <row r="1528" spans="1:9" x14ac:dyDescent="0.2">
      <c r="A1528" s="13">
        <v>3472</v>
      </c>
      <c r="B1528" s="10" t="s">
        <v>8440</v>
      </c>
      <c r="C1528" s="10" t="s">
        <v>8441</v>
      </c>
      <c r="D1528" s="10" t="s">
        <v>8442</v>
      </c>
      <c r="E1528" s="10" t="s">
        <v>8443</v>
      </c>
      <c r="F1528" s="10" t="s">
        <v>8444</v>
      </c>
      <c r="G1528" s="10" t="s">
        <v>8445</v>
      </c>
      <c r="H1528" s="10" t="s">
        <v>8441</v>
      </c>
      <c r="I1528" s="11">
        <v>45806</v>
      </c>
    </row>
    <row r="1529" spans="1:9" x14ac:dyDescent="0.2">
      <c r="A1529" s="10">
        <v>2826</v>
      </c>
      <c r="B1529" s="10" t="s">
        <v>4847</v>
      </c>
      <c r="C1529" s="10" t="s">
        <v>4848</v>
      </c>
      <c r="D1529" s="10" t="s">
        <v>4849</v>
      </c>
      <c r="E1529" s="10" t="s">
        <v>4850</v>
      </c>
      <c r="F1529" s="10" t="s">
        <v>4851</v>
      </c>
      <c r="G1529" s="10" t="s">
        <v>4852</v>
      </c>
      <c r="H1529" s="10" t="s">
        <v>4848</v>
      </c>
      <c r="I1529" s="11">
        <v>44889</v>
      </c>
    </row>
    <row r="1530" spans="1:9" x14ac:dyDescent="0.2">
      <c r="A1530" s="10">
        <v>2663</v>
      </c>
      <c r="B1530" s="10" t="s">
        <v>3962</v>
      </c>
      <c r="C1530" s="10" t="s">
        <v>3963</v>
      </c>
      <c r="D1530" s="10" t="s">
        <v>3964</v>
      </c>
      <c r="E1530" s="10" t="s">
        <v>3965</v>
      </c>
      <c r="F1530" s="10" t="s">
        <v>3966</v>
      </c>
      <c r="G1530" s="10" t="s">
        <v>3967</v>
      </c>
      <c r="H1530" s="10" t="s">
        <v>3963</v>
      </c>
      <c r="I1530" s="11">
        <v>44630</v>
      </c>
    </row>
    <row r="1531" spans="1:9" x14ac:dyDescent="0.2">
      <c r="A1531" s="10">
        <v>2708</v>
      </c>
      <c r="B1531" s="10" t="s">
        <v>4191</v>
      </c>
      <c r="C1531" s="10" t="s">
        <v>4192</v>
      </c>
      <c r="D1531" s="10" t="s">
        <v>4193</v>
      </c>
      <c r="E1531" s="10" t="s">
        <v>4194</v>
      </c>
      <c r="F1531" s="10" t="s">
        <v>4195</v>
      </c>
      <c r="G1531" s="10" t="s">
        <v>4196</v>
      </c>
      <c r="H1531" s="10" t="s">
        <v>4197</v>
      </c>
      <c r="I1531" s="11">
        <v>44711</v>
      </c>
    </row>
    <row r="1532" spans="1:9" x14ac:dyDescent="0.2">
      <c r="A1532" s="10">
        <v>1641</v>
      </c>
      <c r="B1532" s="10" t="s">
        <v>982</v>
      </c>
      <c r="C1532" s="10" t="s">
        <v>983</v>
      </c>
      <c r="D1532" s="10" t="s">
        <v>984</v>
      </c>
      <c r="E1532" s="10" t="s">
        <v>985</v>
      </c>
      <c r="F1532" s="10" t="s">
        <v>986</v>
      </c>
      <c r="G1532" s="10" t="s">
        <v>987</v>
      </c>
      <c r="H1532" s="10" t="s">
        <v>988</v>
      </c>
      <c r="I1532" s="11">
        <v>44460</v>
      </c>
    </row>
    <row r="1533" spans="1:9" x14ac:dyDescent="0.2">
      <c r="A1533" s="10">
        <v>2726</v>
      </c>
      <c r="B1533" s="10" t="s">
        <v>4285</v>
      </c>
      <c r="C1533" s="10" t="s">
        <v>35</v>
      </c>
      <c r="D1533" s="10" t="s">
        <v>2638</v>
      </c>
      <c r="E1533" s="10" t="s">
        <v>4286</v>
      </c>
      <c r="F1533" s="10" t="s">
        <v>4287</v>
      </c>
      <c r="G1533" s="10" t="s">
        <v>4288</v>
      </c>
      <c r="H1533" s="10" t="s">
        <v>4289</v>
      </c>
      <c r="I1533" s="11">
        <v>44732</v>
      </c>
    </row>
    <row r="1534" spans="1:9" x14ac:dyDescent="0.2">
      <c r="A1534" s="10">
        <v>3032</v>
      </c>
      <c r="B1534" s="10" t="s">
        <v>6004</v>
      </c>
      <c r="C1534" s="10" t="s">
        <v>6005</v>
      </c>
      <c r="D1534" s="10" t="s">
        <v>2638</v>
      </c>
      <c r="E1534" s="10" t="s">
        <v>4286</v>
      </c>
      <c r="F1534" s="10" t="s">
        <v>6006</v>
      </c>
      <c r="G1534" s="10" t="s">
        <v>4288</v>
      </c>
      <c r="H1534" s="10" t="s">
        <v>6005</v>
      </c>
      <c r="I1534" s="11">
        <v>45218</v>
      </c>
    </row>
    <row r="1535" spans="1:9" x14ac:dyDescent="0.2">
      <c r="A1535" s="10">
        <v>1791</v>
      </c>
      <c r="B1535" s="10" t="s">
        <v>1274</v>
      </c>
      <c r="C1535" s="10" t="s">
        <v>35</v>
      </c>
      <c r="D1535" s="10" t="s">
        <v>1275</v>
      </c>
      <c r="E1535" s="10" t="s">
        <v>1276</v>
      </c>
      <c r="F1535" s="10" t="s">
        <v>1277</v>
      </c>
      <c r="G1535" s="10" t="s">
        <v>1278</v>
      </c>
      <c r="H1535" s="10" t="s">
        <v>1279</v>
      </c>
      <c r="I1535" s="11">
        <v>44815</v>
      </c>
    </row>
    <row r="1536" spans="1:9" x14ac:dyDescent="0.2">
      <c r="A1536" s="10">
        <v>733</v>
      </c>
      <c r="B1536" s="10" t="s">
        <v>265</v>
      </c>
      <c r="C1536" s="10" t="s">
        <v>266</v>
      </c>
      <c r="D1536" s="10" t="s">
        <v>267</v>
      </c>
      <c r="E1536" s="10" t="s">
        <v>268</v>
      </c>
      <c r="F1536" s="10" t="s">
        <v>269</v>
      </c>
      <c r="G1536" s="10" t="s">
        <v>270</v>
      </c>
      <c r="H1536" s="10" t="s">
        <v>266</v>
      </c>
      <c r="I1536" s="11">
        <v>44971</v>
      </c>
    </row>
    <row r="1537" spans="1:9" x14ac:dyDescent="0.2">
      <c r="A1537" s="10">
        <v>3248</v>
      </c>
      <c r="B1537" s="10" t="s">
        <v>7169</v>
      </c>
      <c r="C1537" s="10" t="s">
        <v>7170</v>
      </c>
      <c r="D1537" s="10" t="s">
        <v>7171</v>
      </c>
      <c r="E1537" s="10" t="s">
        <v>7172</v>
      </c>
      <c r="F1537" s="10" t="s">
        <v>7173</v>
      </c>
      <c r="G1537" s="10" t="s">
        <v>7174</v>
      </c>
      <c r="H1537" s="10" t="s">
        <v>7170</v>
      </c>
      <c r="I1537" s="11">
        <v>45484</v>
      </c>
    </row>
    <row r="1538" spans="1:9" x14ac:dyDescent="0.2">
      <c r="A1538" s="10">
        <v>2746</v>
      </c>
      <c r="B1538" s="10" t="s">
        <v>4394</v>
      </c>
      <c r="C1538" s="10" t="s">
        <v>4395</v>
      </c>
      <c r="D1538" s="10" t="s">
        <v>2601</v>
      </c>
      <c r="E1538" s="10" t="s">
        <v>4396</v>
      </c>
      <c r="F1538" s="10" t="s">
        <v>4397</v>
      </c>
      <c r="G1538" s="10" t="s">
        <v>4398</v>
      </c>
      <c r="H1538" s="10" t="s">
        <v>4395</v>
      </c>
      <c r="I1538" s="11">
        <v>44753</v>
      </c>
    </row>
    <row r="1539" spans="1:9" x14ac:dyDescent="0.2">
      <c r="A1539" s="10">
        <v>2924</v>
      </c>
      <c r="B1539" s="10" t="s">
        <v>5399</v>
      </c>
      <c r="C1539" s="10" t="s">
        <v>5400</v>
      </c>
      <c r="D1539" s="10" t="s">
        <v>1960</v>
      </c>
      <c r="E1539" s="10" t="s">
        <v>5401</v>
      </c>
      <c r="F1539" s="10" t="s">
        <v>5402</v>
      </c>
      <c r="G1539" s="10" t="s">
        <v>5403</v>
      </c>
      <c r="H1539" s="10" t="s">
        <v>5404</v>
      </c>
      <c r="I1539" s="11">
        <v>45071</v>
      </c>
    </row>
    <row r="1540" spans="1:9" x14ac:dyDescent="0.2">
      <c r="A1540" s="13">
        <v>3499</v>
      </c>
      <c r="B1540" s="10" t="s">
        <v>8591</v>
      </c>
      <c r="C1540" s="10" t="s">
        <v>8592</v>
      </c>
      <c r="D1540" s="10" t="s">
        <v>8593</v>
      </c>
      <c r="E1540" s="10" t="s">
        <v>8594</v>
      </c>
      <c r="F1540" s="10" t="s">
        <v>8595</v>
      </c>
      <c r="G1540" s="10" t="s">
        <v>8596</v>
      </c>
      <c r="H1540" s="10" t="s">
        <v>8597</v>
      </c>
      <c r="I1540" s="11">
        <v>45820</v>
      </c>
    </row>
    <row r="1541" spans="1:9" x14ac:dyDescent="0.2">
      <c r="A1541" s="10">
        <v>2287</v>
      </c>
      <c r="B1541" s="10" t="s">
        <v>2234</v>
      </c>
      <c r="C1541" s="10" t="s">
        <v>2235</v>
      </c>
      <c r="D1541" s="10" t="s">
        <v>1312</v>
      </c>
      <c r="E1541" s="10" t="s">
        <v>2236</v>
      </c>
      <c r="F1541" s="10" t="s">
        <v>2237</v>
      </c>
      <c r="G1541" s="10" t="s">
        <v>2238</v>
      </c>
      <c r="H1541" s="10" t="s">
        <v>2235</v>
      </c>
      <c r="I1541" s="11">
        <v>45880</v>
      </c>
    </row>
    <row r="1542" spans="1:9" x14ac:dyDescent="0.2">
      <c r="A1542" s="10">
        <v>2614</v>
      </c>
      <c r="B1542" s="10" t="s">
        <v>3697</v>
      </c>
      <c r="C1542" s="10" t="s">
        <v>3698</v>
      </c>
      <c r="D1542" s="10" t="s">
        <v>3699</v>
      </c>
      <c r="E1542" s="10" t="s">
        <v>3700</v>
      </c>
      <c r="F1542" s="10" t="s">
        <v>3701</v>
      </c>
      <c r="G1542" s="10" t="s">
        <v>3702</v>
      </c>
      <c r="H1542" s="10" t="s">
        <v>3698</v>
      </c>
      <c r="I1542" s="11">
        <v>44557</v>
      </c>
    </row>
    <row r="1543" spans="1:9" x14ac:dyDescent="0.2">
      <c r="A1543" s="10">
        <v>2522</v>
      </c>
      <c r="B1543" s="10" t="s">
        <v>3202</v>
      </c>
      <c r="C1543" s="10" t="s">
        <v>3203</v>
      </c>
      <c r="D1543" s="10" t="s">
        <v>3204</v>
      </c>
      <c r="E1543" s="10" t="s">
        <v>3205</v>
      </c>
      <c r="F1543" s="10" t="s">
        <v>3206</v>
      </c>
      <c r="G1543" s="10" t="s">
        <v>3207</v>
      </c>
      <c r="H1543" s="10" t="s">
        <v>3203</v>
      </c>
      <c r="I1543" s="11">
        <v>44364</v>
      </c>
    </row>
    <row r="1544" spans="1:9" x14ac:dyDescent="0.2">
      <c r="A1544" s="10">
        <v>2413</v>
      </c>
      <c r="B1544" s="10" t="s">
        <v>2654</v>
      </c>
      <c r="C1544" s="10" t="s">
        <v>2655</v>
      </c>
      <c r="D1544" s="10" t="s">
        <v>2656</v>
      </c>
      <c r="E1544" s="10" t="s">
        <v>2657</v>
      </c>
      <c r="F1544" s="10" t="s">
        <v>2658</v>
      </c>
      <c r="G1544" s="10" t="s">
        <v>2659</v>
      </c>
      <c r="H1544" s="10" t="s">
        <v>2660</v>
      </c>
      <c r="I1544" s="11">
        <v>44263</v>
      </c>
    </row>
    <row r="1545" spans="1:9" x14ac:dyDescent="0.2">
      <c r="A1545" s="10">
        <v>2562</v>
      </c>
      <c r="B1545" s="10" t="s">
        <v>3414</v>
      </c>
      <c r="C1545" s="10" t="s">
        <v>3415</v>
      </c>
      <c r="D1545" s="10" t="s">
        <v>3416</v>
      </c>
      <c r="E1545" s="10" t="s">
        <v>3417</v>
      </c>
      <c r="F1545" s="10" t="s">
        <v>3418</v>
      </c>
      <c r="G1545" s="10" t="s">
        <v>3419</v>
      </c>
      <c r="H1545" s="10" t="s">
        <v>3415</v>
      </c>
      <c r="I1545" s="11">
        <v>44452</v>
      </c>
    </row>
    <row r="1546" spans="1:9" x14ac:dyDescent="0.2">
      <c r="A1546" s="13">
        <v>3424</v>
      </c>
      <c r="B1546" s="10" t="s">
        <v>8177</v>
      </c>
      <c r="C1546" s="10" t="s">
        <v>8178</v>
      </c>
      <c r="D1546" s="10" t="s">
        <v>746</v>
      </c>
      <c r="E1546" s="10" t="s">
        <v>747</v>
      </c>
      <c r="F1546" s="10" t="s">
        <v>8179</v>
      </c>
      <c r="G1546" s="10" t="s">
        <v>8180</v>
      </c>
      <c r="H1546" s="10" t="s">
        <v>8178</v>
      </c>
      <c r="I1546" s="11">
        <v>45729</v>
      </c>
    </row>
    <row r="1547" spans="1:9" x14ac:dyDescent="0.2">
      <c r="A1547" s="14">
        <v>3549</v>
      </c>
      <c r="B1547" s="15" t="s">
        <v>8875</v>
      </c>
      <c r="C1547" s="10" t="s">
        <v>8876</v>
      </c>
      <c r="D1547" s="15" t="s">
        <v>1506</v>
      </c>
      <c r="E1547" s="10" t="s">
        <v>8877</v>
      </c>
      <c r="F1547" s="10" t="s">
        <v>8878</v>
      </c>
      <c r="G1547" s="10" t="s">
        <v>8879</v>
      </c>
      <c r="H1547" s="10" t="s">
        <v>8880</v>
      </c>
      <c r="I1547" s="11">
        <v>45911</v>
      </c>
    </row>
    <row r="1548" spans="1:9" x14ac:dyDescent="0.2">
      <c r="A1548" s="13">
        <v>3479</v>
      </c>
      <c r="B1548" s="10" t="s">
        <v>8484</v>
      </c>
      <c r="C1548" s="10" t="s">
        <v>8485</v>
      </c>
      <c r="D1548" s="10" t="s">
        <v>1643</v>
      </c>
      <c r="E1548" s="10" t="s">
        <v>8486</v>
      </c>
      <c r="F1548" s="10" t="s">
        <v>8487</v>
      </c>
      <c r="G1548" s="10" t="s">
        <v>8488</v>
      </c>
      <c r="H1548" s="10" t="s">
        <v>8485</v>
      </c>
      <c r="I1548" s="11">
        <v>45799</v>
      </c>
    </row>
    <row r="1549" spans="1:9" x14ac:dyDescent="0.2">
      <c r="A1549" s="14">
        <v>3620</v>
      </c>
      <c r="B1549" s="15" t="s">
        <v>9278</v>
      </c>
      <c r="C1549" s="10" t="s">
        <v>9279</v>
      </c>
      <c r="D1549" s="15" t="s">
        <v>9280</v>
      </c>
      <c r="E1549" s="10" t="s">
        <v>9281</v>
      </c>
      <c r="F1549" s="10" t="s">
        <v>9282</v>
      </c>
      <c r="G1549" s="10" t="s">
        <v>9283</v>
      </c>
      <c r="H1549" s="10" t="s">
        <v>9279</v>
      </c>
      <c r="I1549" s="11">
        <v>46016</v>
      </c>
    </row>
  </sheetData>
  <sortState xmlns:xlrd2="http://schemas.microsoft.com/office/spreadsheetml/2017/richdata2" ref="A3:I1549">
    <sortCondition ref="G3:G1549"/>
  </sortState>
  <phoneticPr fontId="2"/>
  <printOptions horizontalCentered="1"/>
  <pageMargins left="0.70866141732283472" right="0.70866141732283472" top="0.94488188976377963" bottom="0.94488188976377963" header="0.31496062992125984" footer="0.31496062992125984"/>
  <pageSetup paperSize="9" scale="72" fitToHeight="0" orientation="landscape" r:id="rId1"/>
  <headerFooter scaleWithDoc="0">
    <oddFooter>&amp;R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r0712 末</vt:lpstr>
      <vt:lpstr>'r0712 末'!Print_Titles</vt:lpstr>
    </vt:vector>
  </TitlesOfParts>
  <Company>KP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6-01-09T02:06:06Z</dcterms:created>
  <dcterms:modified xsi:type="dcterms:W3CDTF">2026-01-09T04:07:35Z</dcterms:modified>
</cp:coreProperties>
</file>